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9" r:id="rId4"/>
    <p:sldId id="301" r:id="rId5"/>
    <p:sldId id="306" r:id="rId6"/>
    <p:sldId id="303" r:id="rId7"/>
    <p:sldId id="31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21567" autoAdjust="0"/>
    <p:restoredTop sz="75000" autoAdjust="0"/>
  </p:normalViewPr>
  <p:slideViewPr>
    <p:cSldViewPr snapToGrid="0" showGuides="1">
      <p:cViewPr varScale="1">
        <p:scale>
          <a:sx n="103" d="100"/>
          <a:sy n="103" d="100"/>
        </p:scale>
        <p:origin x="1064" y="176"/>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885c177c6c94a7be61e9b58df6b0bcc6">
            <a:pPr rtl="0"/>
            <a:r>
              <a:rPr dirty="0" lang="en-US" sz="1200">
                <a:solidFill>
                  <a:srgbClr val="000000"/>
                </a:solidFill>
              </a:rPr>
              <a:t>Maintenant que vous savez comment DHIS2 utilise le modèle de catégorie pour appliquer des ventilations telles que l'âge et le sexe aux éléments de données...</a:t>
            </a:r>
            <a:r>
              <a:rPr dirty="0" err="1" lang="en-US" sz="1200">
                <a:solidFill>
                  <a:srgbClr val="000000"/>
                </a:solidFill>
              </a:rPr>
            </a:r>
            <a:r>
              <a:rPr dirty="0" lang="en-US" sz="1200">
                <a:solidFill>
                  <a:srgbClr val="000000"/>
                </a:solidFill>
              </a:rPr>
            </a:r>
          </a:p>
        </p:txBody>
      </p:sp>
    </p:spTree>
    <p:extLst>
      <p:ext uri="{BB962C8B-B14F-4D97-AF65-F5344CB8AC3E}">
        <p14:creationId xmlns:p14="http://schemas.microsoft.com/office/powerpoint/2010/main" val="1907203304"/>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4830142324e4c94fa95e0147a0b0aa12">
            <a:pPr rtl="0"/>
            <a:r>
              <a:rPr dirty="0" lang="en-US" sz="1200">
                <a:solidFill>
                  <a:srgbClr val="000000"/>
                </a:solidFill>
              </a:rPr>
              <a:t>...nous allons voir comment créer des options de catégories, des catégories et des combinaisons de catégories.</a:t>
            </a:r>
          </a:p>
        </p:txBody>
      </p:sp>
    </p:spTree>
    <p:extLst>
      <p:ext uri="{BB962C8B-B14F-4D97-AF65-F5344CB8AC3E}">
        <p14:creationId xmlns:p14="http://schemas.microsoft.com/office/powerpoint/2010/main" val="2096892489"/>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d52295cc583d127642eee60ea9a0c502">
            <a:pPr rtl="0"/>
            <a:r>
              <a:rPr dirty="0" lang="en-US">
                <a:solidFill>
                  <a:srgbClr val="000000"/>
                </a:solidFill>
                <a:effectLst/>
                <a:sym typeface=""/>
              </a:rPr>
              <a:t>Examinons les éléments de données de l'ensemble de données RMNCAH dans la section sur l'accouchement par âge et la section sur la planification familiale. Les éléments de données de la section sur l'accouchement par âge sont ventilés en trois groupes d'âge ou options de catégorie : 10 à 14 ans, 15 à 19 ans et 20 ans et plus. Les éléments de données de la section sur la planification familiale sont ventilés selon les mêmes options de catégories d'âge, ainsi que selon les sexes masculin et féminin en tant qu'options de catégories de sexe.</a:t>
            </a:r>
          </a:p>
          <a:p>
            <a:pPr rtl="0"/>
            <a:endParaRPr dirty="0" lang="en-US">
              <a:solidFill>
                <a:srgbClr val="000000"/>
              </a:solidFill>
              <a:effectLst/>
              <a:sym typeface=""/>
            </a:endParaRPr>
          </a:p>
          <a:p>
            <a:pPr rtl="0"/>
            <a:endParaRPr dirty="0" lang="en-US">
              <a:solidFill>
                <a:srgbClr val="000000"/>
              </a:solidFill>
              <a:sym typeface=""/>
            </a:endParaRPr>
          </a:p>
        </p:txBody>
      </p:sp>
    </p:spTree>
    <p:extLst>
      <p:ext uri="{BB962C8B-B14F-4D97-AF65-F5344CB8AC3E}">
        <p14:creationId xmlns:p14="http://schemas.microsoft.com/office/powerpoint/2010/main" val="1663165437"/>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a:pPr rtl="0"/>
            <a:endParaRPr lang="en-US">
              <a:solidFill>
                <a:srgbClr val="000000"/>
              </a:solidFill>
              <a:effectLst/>
              <a:sym typeface=""/>
            </a:endParaRPr>
          </a:p>
          <a:p txid="123fc6ab2c0887b20b00f973baa2a301">
            <a:pPr rtl="0"/>
            <a:r>
              <a:rPr lang="en-US">
                <a:solidFill>
                  <a:srgbClr val="000000"/>
                </a:solidFill>
                <a:effectLst/>
                <a:sym typeface=""/>
              </a:rPr>
              <a:t>Pour créer le modèle de catégorie complet pour ces deux sections dans DHIS2, nous devons d'abord +créer les options de catégorie, +puis les catégories et enfin les +combinaisons de catégories. Une fois cela fait, nous pourrons les +assigner aux éléments de données de ces sections.</a:t>
            </a:r>
            <a:endParaRPr dirty="0" lang="en-US">
              <a:solidFill>
                <a:srgbClr val="000000"/>
              </a:solidFill>
              <a:effectLst/>
              <a:sym typeface=""/>
            </a:endParaRPr>
          </a:p>
        </p:txBody>
      </p:sp>
    </p:spTree>
    <p:extLst>
      <p:ext uri="{BB962C8B-B14F-4D97-AF65-F5344CB8AC3E}">
        <p14:creationId xmlns:p14="http://schemas.microsoft.com/office/powerpoint/2010/main" val="3423017811"/>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5e94d5160554deb5b131345ac292918">
            <a:r>
              <a:rPr dirty="0" lang="en-US"/>
              <a:t>Ouvrez l'application Maintenance et sélectionnez Catégorie. Sélectionnez ensuite l'onglet Option de catégorie. Selon le système DHIS2 dans lequel vous vous trouvez, il se peut que certaines options de catégorie soient déjà disponibles.</a:t>
            </a:r>
          </a:p>
          <a:p>
            <a:endParaRPr dirty="0" lang="en-US"/>
          </a:p>
          <a:p txid="15c03c15b72115d89ffce6d294e6b4c0">
            <a:r>
              <a:rPr dirty="0" lang="en-US"/>
              <a:t>Gardez à l'esprit qu'il faut toujours vérifier la liste avant de créer de nouvelles options de catégorie. Si l'option de catégorie dont vous avez besoin existe déjà, vous devez la réutiliser pour éviter de créer des options en double.</a:t>
            </a:r>
          </a:p>
          <a:p>
            <a:endParaRPr dirty="0" lang="en-US"/>
          </a:p>
          <a:p txid="7e7d06bebd550788acd1ea502277ad50">
            <a:r>
              <a:rPr dirty="0" lang="en-US"/>
              <a:t>Dans cet exemple, nous pouvons constater que les catégories "masculin" et "féminin" existent déjà et qu'il n'est donc pas nécessaire de les créer à nouveau. Cependant, les groupes d'âge de 10 à 14 ans, de 15 à 19 ans et de 20 ans et plus n'existent pas encore ; nous devrons donc les créer pour l'ensemble de données RMNCAH. Pour créer les options de catégorie, cliquez sur le bouton + dans le coin inférieur droit de l'écran.</a:t>
            </a:r>
          </a:p>
          <a:p>
            <a:endParaRPr dirty="0" lang="en-US"/>
          </a:p>
          <a:p txid="d6b68bb2370fb839cd65f388eddcfc35">
            <a:r>
              <a:rPr dirty="0" lang="en-US"/>
              <a:t>Commençons par créer la première option de catégorie d'âge, 10 à 14 ans. Dans la page de configuration, renseignez le nom. Il s'agit du seul champ obligatoire. Ce champ doit contenir une valeur unique, ce qui signifie que vous ne pouvez pas avoir plus d'une option de catégorie du même nom dans votre système DHIS2.</a:t>
            </a:r>
          </a:p>
          <a:p>
            <a:endParaRPr dirty="0" lang="en-US"/>
          </a:p>
          <a:p txid="8c3e70f7816f48623a7c58b128c4b9f2">
            <a:r>
              <a:rPr dirty="0" lang="en-US"/>
              <a:t>Cela peut vous aider à éviter de dupliquer par erreur les options de catégorie. Nous pouvons également configurer d'autres champs, tels que le nom abrégé, le code et la description.</a:t>
            </a:r>
          </a:p>
          <a:p>
            <a:endParaRPr dirty="0" lang="en-US"/>
          </a:p>
          <a:p txid="18bffab8a06b3a15b19f4e413aa1a9f8">
            <a:r>
              <a:rPr dirty="0" lang="en-US"/>
              <a:t>Pour en savoir plus sur ces champs et sur les autres champs configurables, reportez-vous à la documentation DHIS2.</a:t>
            </a:r>
          </a:p>
          <a:p>
            <a:endParaRPr dirty="0" lang="en-US"/>
          </a:p>
          <a:p txid="c3a60df4dcb660fa12a1ce6577370a2d">
            <a:r>
              <a:rPr dirty="0" lang="en-US"/>
              <a:t>Après avoir renseigné les champs configurables, faites défiler la page jusqu'en bas et cliquez sur "Enregistrer". Nous allons répéter ce processus deux fois de plus et créer les deux autres catégories d'âge, 15 à 19 ans et 20 ans et plus.</a:t>
            </a:r>
          </a:p>
        </p:txBody>
      </p:sp>
    </p:spTree>
    <p:extLst>
      <p:ext uri="{BB962C8B-B14F-4D97-AF65-F5344CB8AC3E}">
        <p14:creationId xmlns:p14="http://schemas.microsoft.com/office/powerpoint/2010/main" val="3580468396"/>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9237cff99a1480b07cd6c956fec52bc">
            <a:pPr rtl="0"/>
            <a:r>
              <a:rPr dirty="0" lang="en-US"/>
              <a:t>Vous savez maintenant comment créer des options de catégorie dans DHIS2 pour représenter des ventilations bien spécifiques. Dans la prochaine vidéo, vous apprendrez à les regrouper en catégories et en combinaisons de catégories afin de pouvoir les appliquer aux éléments de données pour la saisie et l'analyse des données</a:t>
            </a:r>
            <a:r>
              <a:rPr dirty="0" err="1" lang="en-US"/>
            </a:r>
            <a:r>
              <a:rPr dirty="0" lang="en-US"/>
            </a:r>
            <a:endParaRPr dirty="0" lang="en-NO"/>
          </a:p>
        </p:txBody>
      </p:sp>
    </p:spTree>
    <p:extLst>
      <p:ext uri="{BB962C8B-B14F-4D97-AF65-F5344CB8AC3E}">
        <p14:creationId xmlns:p14="http://schemas.microsoft.com/office/powerpoint/2010/main" val="32485756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8" Target="../media/image26.png" Type="http://schemas.openxmlformats.org/officeDocument/2006/relationships/image"/><Relationship Id="rId13" Target="../media/image31.png" Type="http://schemas.openxmlformats.org/officeDocument/2006/relationships/image"/><Relationship Id="rId3" Target="../notesSlides/notesSlide4.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5" Target="../media/image3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 Id="rId14" Target="../media/image32.png" Type="http://schemas.openxmlformats.org/officeDocument/2006/relationships/image"/></Relationships>
</file>

<file path=ppt/slides/_rels/slide5.xml.rels><?xml version="1.0" encoding="utf-8"?>
<Relationships xmlns="http://schemas.openxmlformats.org/package/2006/relationships"><Relationship Id="rId8" Target="../media/image26.png" Type="http://schemas.openxmlformats.org/officeDocument/2006/relationships/image"/><Relationship Id="rId3" Target="../notesSlides/notesSlide5.xml" Type="http://schemas.openxmlformats.org/officeDocument/2006/relationships/notesSlide"/><Relationship Id="rId7" Target="../media/image25.svg" Type="http://schemas.openxmlformats.org/officeDocument/2006/relationships/image"/><Relationship Id="rId2" Target="../slideLayouts/slideLayout2.xml" Type="http://schemas.openxmlformats.org/officeDocument/2006/relationships/slideLayout"/><Relationship Id="rId1" Target="../tags/tag6.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9.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3575932" y="-4185838"/>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c6db83cb5dba20faa131e87829e10e8c">
            <a:r>
              <a:rPr dirty="0" lang="en-US"/>
              <a:t>Créer des options de catégorie</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25" name="Group 4">
            <a:extLst>
              <a:ext uri="{FF2B5EF4-FFF2-40B4-BE49-F238E27FC236}">
                <a16:creationId xmlns:a16="http://schemas.microsoft.com/office/drawing/2014/main" id="{19F541B5-0DD3-9FA1-2AB9-0D157BA5A872}"/>
              </a:ext>
            </a:extLst>
          </p:cNvPr>
          <p:cNvGrpSpPr>
            <a:grpSpLocks noChangeAspect="1"/>
          </p:cNvGrpSpPr>
          <p:nvPr/>
        </p:nvGrpSpPr>
        <p:grpSpPr bwMode="auto">
          <a:xfrm>
            <a:off x="6819942" y="2434854"/>
            <a:ext cx="1003743" cy="772030"/>
            <a:chOff x="2486" y="2160"/>
            <a:chExt cx="966" cy="743"/>
          </a:xfrm>
        </p:grpSpPr>
        <p:sp>
          <p:nvSpPr>
            <p:cNvPr id="27" name="AutoShape 3">
              <a:extLst>
                <a:ext uri="{FF2B5EF4-FFF2-40B4-BE49-F238E27FC236}">
                  <a16:creationId xmlns:a16="http://schemas.microsoft.com/office/drawing/2014/main" id="{1EA5EEFB-54E7-CB1E-0FB0-9B8447A9D620}"/>
                </a:ext>
              </a:extLst>
            </p:cNvPr>
            <p:cNvSpPr>
              <a:spLocks noChangeArrowheads="1" noChangeAspect="1" noTextEdit="1"/>
            </p:cNvSpPr>
            <p:nvPr/>
          </p:nvSpPr>
          <p:spPr bwMode="auto">
            <a:xfrm>
              <a:off x="2486" y="2160"/>
              <a:ext cx="966" cy="743"/>
            </a:xfrm>
            <a:prstGeom prst="rect">
              <a:avLst/>
            </a:prstGeom>
            <a:noFill/>
            <a:ln w="9525">
              <a:noFill/>
              <a:miter lim="800000"/>
              <a:headEnd/>
              <a:tailEnd/>
            </a:ln>
            <a:extLst>
              <a:ext uri="{909E8E84-426E-40DD-AFC4-6F175D3DCCD1}">
                <a14:hiddenFill xmlns:a14="http://schemas.microsoft.com/office/drawing/2010/main">
                  <a:solidFill>
                    <a:srgbClr val="FFFFFF"/>
                  </a:solidFill>
                </a14:hiddenFill>
              </a:ext>
            </a:extLst>
          </p:spPr>
          <p:txBody>
            <a:bodyPr anchor="t" anchorCtr="0" bIns="45720" compatLnSpc="1" lIns="91440" numCol="1" rIns="91440" tIns="45720" vert="horz" wrap="square">
              <a:prstTxWarp prst="textNoShape">
                <a:avLst/>
              </a:prstTxWarp>
            </a:bodyPr>
            <a:lstStyle/>
            <a:p>
              <a:endParaRPr lang="en-US"/>
            </a:p>
          </p:txBody>
        </p:sp>
        <p:sp>
          <p:nvSpPr>
            <p:cNvPr id="29" name="Freeform 5">
              <a:extLst>
                <a:ext uri="{FF2B5EF4-FFF2-40B4-BE49-F238E27FC236}">
                  <a16:creationId xmlns:a16="http://schemas.microsoft.com/office/drawing/2014/main" id="{51A242A3-5B34-56DF-5192-47C68A80D49B}"/>
                </a:ext>
              </a:extLst>
            </p:cNvPr>
            <p:cNvSpPr>
              <a:spLocks/>
            </p:cNvSpPr>
            <p:nvPr/>
          </p:nvSpPr>
          <p:spPr bwMode="auto">
            <a:xfrm>
              <a:off x="2497" y="2719"/>
              <a:ext cx="273" cy="178"/>
            </a:xfrm>
            <a:custGeom>
              <a:avLst/>
              <a:gdLst>
                <a:gd fmla="*/ 1133 w 1171" name="T0"/>
                <a:gd fmla="*/ 442 h 764" name="T1"/>
                <a:gd fmla="*/ 1133 w 1171" name="T2"/>
                <a:gd fmla="*/ 442 h 764" name="T3"/>
                <a:gd fmla="*/ 1071 w 1171" name="T4"/>
                <a:gd fmla="*/ 305 h 764" name="T5"/>
                <a:gd fmla="*/ 912 w 1171" name="T6"/>
                <a:gd fmla="*/ 269 h 764" name="T7"/>
                <a:gd fmla="*/ 928 w 1171" name="T8"/>
                <a:gd fmla="*/ 35 h 764" name="T9"/>
                <a:gd fmla="*/ 859 w 1171" name="T10"/>
                <a:gd fmla="*/ 0 h 764" name="T11"/>
                <a:gd fmla="*/ 585 w 1171" name="T12"/>
                <a:gd fmla="*/ 0 h 764" name="T13"/>
                <a:gd fmla="*/ 312 w 1171" name="T14"/>
                <a:gd fmla="*/ 0 h 764" name="T15"/>
                <a:gd fmla="*/ 243 w 1171" name="T16"/>
                <a:gd fmla="*/ 35 h 764" name="T17"/>
                <a:gd fmla="*/ 259 w 1171" name="T18"/>
                <a:gd fmla="*/ 269 h 764" name="T19"/>
                <a:gd fmla="*/ 100 w 1171" name="T20"/>
                <a:gd fmla="*/ 305 h 764" name="T21"/>
                <a:gd fmla="*/ 38 w 1171" name="T22"/>
                <a:gd fmla="*/ 442 h 764" name="T23"/>
                <a:gd fmla="*/ 170 w 1171" name="T24"/>
                <a:gd fmla="*/ 605 h 764" name="T25"/>
                <a:gd fmla="*/ 126 w 1171" name="T26"/>
                <a:gd fmla="*/ 702 h 764" name="T27"/>
                <a:gd fmla="*/ 201 w 1171" name="T28"/>
                <a:gd fmla="*/ 759 h 764" name="T29"/>
                <a:gd fmla="*/ 342 w 1171" name="T30"/>
                <a:gd fmla="*/ 614 h 764" name="T31"/>
                <a:gd fmla="*/ 202 w 1171" name="T32"/>
                <a:gd fmla="*/ 457 h 764" name="T33"/>
                <a:gd fmla="*/ 365 w 1171" name="T34"/>
                <a:gd fmla="*/ 389 h 764" name="T35"/>
                <a:gd fmla="*/ 585 w 1171" name="T36"/>
                <a:gd fmla="*/ 477 h 764" name="T37"/>
                <a:gd fmla="*/ 806 w 1171" name="T38"/>
                <a:gd fmla="*/ 389 h 764" name="T39"/>
                <a:gd fmla="*/ 968 w 1171" name="T40"/>
                <a:gd fmla="*/ 457 h 764" name="T41"/>
                <a:gd fmla="*/ 828 w 1171" name="T42"/>
                <a:gd fmla="*/ 614 h 764" name="T43"/>
                <a:gd fmla="*/ 969 w 1171" name="T44"/>
                <a:gd fmla="*/ 759 h 764" name="T45"/>
                <a:gd fmla="*/ 1044 w 1171" name="T46"/>
                <a:gd fmla="*/ 702 h 764" name="T47"/>
                <a:gd fmla="*/ 1000 w 1171" name="T48"/>
                <a:gd fmla="*/ 605 h 764" name="T49"/>
                <a:gd fmla="*/ 1133 w 1171" name="T50"/>
                <a:gd fmla="*/ 442 h 764" name="T5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b="b" l="0" r="r" t="0"/>
              <a:pathLst>
                <a:path h="764" w="1171">
                  <a:moveTo>
                    <a:pt x="1133" y="442"/>
                  </a:moveTo>
                  <a:lnTo>
                    <a:pt x="1133" y="442"/>
                  </a:lnTo>
                  <a:cubicBezTo>
                    <a:pt x="1171" y="349"/>
                    <a:pt x="1102" y="314"/>
                    <a:pt x="1071" y="305"/>
                  </a:cubicBezTo>
                  <a:cubicBezTo>
                    <a:pt x="1040" y="296"/>
                    <a:pt x="947" y="269"/>
                    <a:pt x="912" y="269"/>
                  </a:cubicBezTo>
                  <a:cubicBezTo>
                    <a:pt x="912" y="269"/>
                    <a:pt x="950" y="97"/>
                    <a:pt x="928" y="35"/>
                  </a:cubicBezTo>
                  <a:cubicBezTo>
                    <a:pt x="928" y="35"/>
                    <a:pt x="921" y="0"/>
                    <a:pt x="859" y="0"/>
                  </a:cubicBezTo>
                  <a:lnTo>
                    <a:pt x="585" y="0"/>
                  </a:lnTo>
                  <a:lnTo>
                    <a:pt x="312" y="0"/>
                  </a:lnTo>
                  <a:cubicBezTo>
                    <a:pt x="250" y="0"/>
                    <a:pt x="243" y="35"/>
                    <a:pt x="243" y="35"/>
                  </a:cubicBezTo>
                  <a:cubicBezTo>
                    <a:pt x="221" y="97"/>
                    <a:pt x="259" y="269"/>
                    <a:pt x="259" y="269"/>
                  </a:cubicBezTo>
                  <a:cubicBezTo>
                    <a:pt x="223" y="269"/>
                    <a:pt x="131" y="296"/>
                    <a:pt x="100" y="305"/>
                  </a:cubicBezTo>
                  <a:cubicBezTo>
                    <a:pt x="69" y="314"/>
                    <a:pt x="0" y="349"/>
                    <a:pt x="38" y="442"/>
                  </a:cubicBezTo>
                  <a:cubicBezTo>
                    <a:pt x="48" y="466"/>
                    <a:pt x="153" y="578"/>
                    <a:pt x="170" y="605"/>
                  </a:cubicBezTo>
                  <a:cubicBezTo>
                    <a:pt x="188" y="631"/>
                    <a:pt x="157" y="662"/>
                    <a:pt x="126" y="702"/>
                  </a:cubicBezTo>
                  <a:cubicBezTo>
                    <a:pt x="95" y="742"/>
                    <a:pt x="148" y="764"/>
                    <a:pt x="201" y="759"/>
                  </a:cubicBezTo>
                  <a:cubicBezTo>
                    <a:pt x="254" y="755"/>
                    <a:pt x="342" y="662"/>
                    <a:pt x="342" y="614"/>
                  </a:cubicBezTo>
                  <a:cubicBezTo>
                    <a:pt x="342" y="565"/>
                    <a:pt x="202" y="457"/>
                    <a:pt x="202" y="457"/>
                  </a:cubicBezTo>
                  <a:cubicBezTo>
                    <a:pt x="318" y="458"/>
                    <a:pt x="365" y="389"/>
                    <a:pt x="365" y="389"/>
                  </a:cubicBezTo>
                  <a:cubicBezTo>
                    <a:pt x="484" y="499"/>
                    <a:pt x="585" y="477"/>
                    <a:pt x="585" y="477"/>
                  </a:cubicBezTo>
                  <a:cubicBezTo>
                    <a:pt x="585" y="477"/>
                    <a:pt x="687" y="499"/>
                    <a:pt x="806" y="389"/>
                  </a:cubicBezTo>
                  <a:cubicBezTo>
                    <a:pt x="806" y="389"/>
                    <a:pt x="853" y="458"/>
                    <a:pt x="968" y="457"/>
                  </a:cubicBezTo>
                  <a:cubicBezTo>
                    <a:pt x="968" y="457"/>
                    <a:pt x="828" y="565"/>
                    <a:pt x="828" y="614"/>
                  </a:cubicBezTo>
                  <a:cubicBezTo>
                    <a:pt x="828" y="662"/>
                    <a:pt x="916" y="755"/>
                    <a:pt x="969" y="759"/>
                  </a:cubicBezTo>
                  <a:cubicBezTo>
                    <a:pt x="1022" y="764"/>
                    <a:pt x="1075" y="742"/>
                    <a:pt x="1044" y="702"/>
                  </a:cubicBezTo>
                  <a:cubicBezTo>
                    <a:pt x="1013" y="662"/>
                    <a:pt x="982" y="631"/>
                    <a:pt x="1000" y="605"/>
                  </a:cubicBezTo>
                  <a:cubicBezTo>
                    <a:pt x="1018" y="578"/>
                    <a:pt x="1122" y="466"/>
                    <a:pt x="1133" y="442"/>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30" name="Freeform 6">
              <a:extLst>
                <a:ext uri="{FF2B5EF4-FFF2-40B4-BE49-F238E27FC236}">
                  <a16:creationId xmlns:a16="http://schemas.microsoft.com/office/drawing/2014/main" id="{F6FB66B5-EAB5-2F83-5B3F-59593CD9D96D}"/>
                </a:ext>
              </a:extLst>
            </p:cNvPr>
            <p:cNvSpPr>
              <a:spLocks/>
            </p:cNvSpPr>
            <p:nvPr/>
          </p:nvSpPr>
          <p:spPr bwMode="auto">
            <a:xfrm>
              <a:off x="2484" y="2606"/>
              <a:ext cx="298" cy="124"/>
            </a:xfrm>
            <a:custGeom>
              <a:avLst/>
              <a:gdLst>
                <a:gd fmla="*/ 1270 w 1279" name="T0"/>
                <a:gd fmla="*/ 433 h 530" name="T1"/>
                <a:gd fmla="*/ 1270 w 1279" name="T2"/>
                <a:gd fmla="*/ 433 h 530" name="T3"/>
                <a:gd fmla="*/ 1006 w 1279" name="T4"/>
                <a:gd fmla="*/ 102 h 530" name="T5"/>
                <a:gd fmla="*/ 767 w 1279" name="T6"/>
                <a:gd fmla="*/ 0 h 530" name="T7"/>
                <a:gd fmla="*/ 639 w 1279" name="T8"/>
                <a:gd fmla="*/ 0 h 530" name="T9"/>
                <a:gd fmla="*/ 511 w 1279" name="T10"/>
                <a:gd fmla="*/ 0 h 530" name="T11"/>
                <a:gd fmla="*/ 273 w 1279" name="T12"/>
                <a:gd fmla="*/ 102 h 530" name="T13"/>
                <a:gd fmla="*/ 8 w 1279" name="T14"/>
                <a:gd fmla="*/ 433 h 530" name="T15"/>
                <a:gd fmla="*/ 52 w 1279" name="T16"/>
                <a:gd fmla="*/ 517 h 530" name="T17"/>
                <a:gd fmla="*/ 136 w 1279" name="T18"/>
                <a:gd fmla="*/ 482 h 530" name="T19"/>
                <a:gd fmla="*/ 392 w 1279" name="T20"/>
                <a:gd fmla="*/ 221 h 530" name="T21"/>
                <a:gd fmla="*/ 366 w 1279" name="T22"/>
                <a:gd fmla="*/ 407 h 530" name="T23"/>
                <a:gd fmla="*/ 639 w 1279" name="T24"/>
                <a:gd fmla="*/ 407 h 530" name="T25"/>
                <a:gd fmla="*/ 913 w 1279" name="T26"/>
                <a:gd fmla="*/ 407 h 530" name="T27"/>
                <a:gd fmla="*/ 886 w 1279" name="T28"/>
                <a:gd fmla="*/ 221 h 530" name="T29"/>
                <a:gd fmla="*/ 1142 w 1279" name="T30"/>
                <a:gd fmla="*/ 482 h 530" name="T31"/>
                <a:gd fmla="*/ 1226 w 1279" name="T32"/>
                <a:gd fmla="*/ 517 h 530" name="T33"/>
                <a:gd fmla="*/ 1270 w 1279" name="T34"/>
                <a:gd fmla="*/ 433 h 530" name="T3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Lst>
              <a:rect b="b" l="0" r="r" t="0"/>
              <a:pathLst>
                <a:path h="530" w="1279">
                  <a:moveTo>
                    <a:pt x="1270" y="433"/>
                  </a:moveTo>
                  <a:lnTo>
                    <a:pt x="1270" y="433"/>
                  </a:lnTo>
                  <a:cubicBezTo>
                    <a:pt x="1270" y="433"/>
                    <a:pt x="1271" y="292"/>
                    <a:pt x="1006" y="102"/>
                  </a:cubicBezTo>
                  <a:cubicBezTo>
                    <a:pt x="1006" y="102"/>
                    <a:pt x="895" y="0"/>
                    <a:pt x="767" y="0"/>
                  </a:cubicBezTo>
                  <a:lnTo>
                    <a:pt x="639" y="0"/>
                  </a:lnTo>
                  <a:lnTo>
                    <a:pt x="511" y="0"/>
                  </a:lnTo>
                  <a:cubicBezTo>
                    <a:pt x="383" y="0"/>
                    <a:pt x="273" y="102"/>
                    <a:pt x="273" y="102"/>
                  </a:cubicBezTo>
                  <a:cubicBezTo>
                    <a:pt x="8" y="292"/>
                    <a:pt x="8" y="433"/>
                    <a:pt x="8" y="433"/>
                  </a:cubicBezTo>
                  <a:cubicBezTo>
                    <a:pt x="8" y="433"/>
                    <a:pt x="0" y="504"/>
                    <a:pt x="52" y="517"/>
                  </a:cubicBezTo>
                  <a:cubicBezTo>
                    <a:pt x="105" y="530"/>
                    <a:pt x="136" y="482"/>
                    <a:pt x="136" y="482"/>
                  </a:cubicBezTo>
                  <a:cubicBezTo>
                    <a:pt x="229" y="296"/>
                    <a:pt x="392" y="221"/>
                    <a:pt x="392" y="221"/>
                  </a:cubicBezTo>
                  <a:cubicBezTo>
                    <a:pt x="357" y="265"/>
                    <a:pt x="366" y="407"/>
                    <a:pt x="366" y="407"/>
                  </a:cubicBezTo>
                  <a:lnTo>
                    <a:pt x="639" y="407"/>
                  </a:lnTo>
                  <a:lnTo>
                    <a:pt x="913" y="407"/>
                  </a:lnTo>
                  <a:cubicBezTo>
                    <a:pt x="913" y="407"/>
                    <a:pt x="922" y="265"/>
                    <a:pt x="886" y="221"/>
                  </a:cubicBezTo>
                  <a:cubicBezTo>
                    <a:pt x="886" y="221"/>
                    <a:pt x="1050" y="296"/>
                    <a:pt x="1142" y="482"/>
                  </a:cubicBezTo>
                  <a:cubicBezTo>
                    <a:pt x="1142" y="482"/>
                    <a:pt x="1173" y="530"/>
                    <a:pt x="1226" y="517"/>
                  </a:cubicBezTo>
                  <a:cubicBezTo>
                    <a:pt x="1279" y="504"/>
                    <a:pt x="1270" y="433"/>
                    <a:pt x="1270" y="433"/>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31" name="Freeform 7">
              <a:extLst>
                <a:ext uri="{FF2B5EF4-FFF2-40B4-BE49-F238E27FC236}">
                  <a16:creationId xmlns:a16="http://schemas.microsoft.com/office/drawing/2014/main" id="{1429FE15-465A-1337-CB44-C35D14A62CF1}"/>
                </a:ext>
              </a:extLst>
            </p:cNvPr>
            <p:cNvSpPr>
              <a:spLocks/>
            </p:cNvSpPr>
            <p:nvPr/>
          </p:nvSpPr>
          <p:spPr bwMode="auto">
            <a:xfrm>
              <a:off x="2568" y="2464"/>
              <a:ext cx="130" cy="129"/>
            </a:xfrm>
            <a:custGeom>
              <a:avLst/>
              <a:gdLst>
                <a:gd fmla="*/ 556 w 556" name="T0"/>
                <a:gd fmla="*/ 278 h 556" name="T1"/>
                <a:gd fmla="*/ 556 w 556" name="T2"/>
                <a:gd fmla="*/ 278 h 556" name="T3"/>
                <a:gd fmla="*/ 278 w 556" name="T4"/>
                <a:gd fmla="*/ 556 h 556" name="T5"/>
                <a:gd fmla="*/ 0 w 556" name="T6"/>
                <a:gd fmla="*/ 278 h 556" name="T7"/>
                <a:gd fmla="*/ 278 w 556" name="T8"/>
                <a:gd fmla="*/ 0 h 556" name="T9"/>
                <a:gd fmla="*/ 556 w 556" name="T10"/>
                <a:gd fmla="*/ 278 h 556" name="T11"/>
              </a:gdLst>
              <a:ahLst/>
              <a:cxnLst>
                <a:cxn ang="0">
                  <a:pos x="T0" y="T1"/>
                </a:cxn>
                <a:cxn ang="0">
                  <a:pos x="T2" y="T3"/>
                </a:cxn>
                <a:cxn ang="0">
                  <a:pos x="T4" y="T5"/>
                </a:cxn>
                <a:cxn ang="0">
                  <a:pos x="T6" y="T7"/>
                </a:cxn>
                <a:cxn ang="0">
                  <a:pos x="T8" y="T9"/>
                </a:cxn>
                <a:cxn ang="0">
                  <a:pos x="T10" y="T11"/>
                </a:cxn>
              </a:cxnLst>
              <a:rect b="b" l="0" r="r" t="0"/>
              <a:pathLst>
                <a:path h="556" w="556">
                  <a:moveTo>
                    <a:pt x="556" y="278"/>
                  </a:moveTo>
                  <a:lnTo>
                    <a:pt x="556" y="278"/>
                  </a:lnTo>
                  <a:cubicBezTo>
                    <a:pt x="556" y="431"/>
                    <a:pt x="432" y="556"/>
                    <a:pt x="278" y="556"/>
                  </a:cubicBezTo>
                  <a:cubicBezTo>
                    <a:pt x="125" y="556"/>
                    <a:pt x="0" y="431"/>
                    <a:pt x="0" y="278"/>
                  </a:cubicBezTo>
                  <a:cubicBezTo>
                    <a:pt x="0" y="124"/>
                    <a:pt x="125" y="0"/>
                    <a:pt x="278" y="0"/>
                  </a:cubicBezTo>
                  <a:cubicBezTo>
                    <a:pt x="432" y="0"/>
                    <a:pt x="556" y="124"/>
                    <a:pt x="556" y="278"/>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32" name="Freeform 8">
              <a:extLst>
                <a:ext uri="{FF2B5EF4-FFF2-40B4-BE49-F238E27FC236}">
                  <a16:creationId xmlns:a16="http://schemas.microsoft.com/office/drawing/2014/main" id="{C246D5FE-26F7-C3F3-EA2C-1BD1E68A3800}"/>
                </a:ext>
              </a:extLst>
            </p:cNvPr>
            <p:cNvSpPr>
              <a:spLocks/>
            </p:cNvSpPr>
            <p:nvPr/>
          </p:nvSpPr>
          <p:spPr bwMode="auto">
            <a:xfrm>
              <a:off x="2910" y="2332"/>
              <a:ext cx="135" cy="136"/>
            </a:xfrm>
            <a:custGeom>
              <a:avLst/>
              <a:gdLst>
                <a:gd fmla="*/ 291 w 582" name="T0"/>
                <a:gd fmla="*/ 582 h 582" name="T1"/>
                <a:gd fmla="*/ 291 w 582" name="T2"/>
                <a:gd fmla="*/ 582 h 582" name="T3"/>
                <a:gd fmla="*/ 582 w 582" name="T4"/>
                <a:gd fmla="*/ 291 h 582" name="T5"/>
                <a:gd fmla="*/ 291 w 582" name="T6"/>
                <a:gd fmla="*/ 0 h 582" name="T7"/>
                <a:gd fmla="*/ 0 w 582" name="T8"/>
                <a:gd fmla="*/ 291 h 582" name="T9"/>
                <a:gd fmla="*/ 291 w 582" name="T10"/>
                <a:gd fmla="*/ 582 h 582" name="T11"/>
              </a:gdLst>
              <a:ahLst/>
              <a:cxnLst>
                <a:cxn ang="0">
                  <a:pos x="T0" y="T1"/>
                </a:cxn>
                <a:cxn ang="0">
                  <a:pos x="T2" y="T3"/>
                </a:cxn>
                <a:cxn ang="0">
                  <a:pos x="T4" y="T5"/>
                </a:cxn>
                <a:cxn ang="0">
                  <a:pos x="T6" y="T7"/>
                </a:cxn>
                <a:cxn ang="0">
                  <a:pos x="T8" y="T9"/>
                </a:cxn>
                <a:cxn ang="0">
                  <a:pos x="T10" y="T11"/>
                </a:cxn>
              </a:cxnLst>
              <a:rect b="b" l="0" r="r" t="0"/>
              <a:pathLst>
                <a:path h="582" w="582">
                  <a:moveTo>
                    <a:pt x="291" y="582"/>
                  </a:moveTo>
                  <a:lnTo>
                    <a:pt x="291" y="582"/>
                  </a:lnTo>
                  <a:cubicBezTo>
                    <a:pt x="452" y="582"/>
                    <a:pt x="582" y="452"/>
                    <a:pt x="582" y="291"/>
                  </a:cubicBezTo>
                  <a:cubicBezTo>
                    <a:pt x="582" y="130"/>
                    <a:pt x="452" y="0"/>
                    <a:pt x="291" y="0"/>
                  </a:cubicBezTo>
                  <a:cubicBezTo>
                    <a:pt x="130" y="0"/>
                    <a:pt x="0" y="130"/>
                    <a:pt x="0" y="291"/>
                  </a:cubicBezTo>
                  <a:cubicBezTo>
                    <a:pt x="0" y="452"/>
                    <a:pt x="130" y="582"/>
                    <a:pt x="291" y="582"/>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33" name="Freeform 9">
              <a:extLst>
                <a:ext uri="{FF2B5EF4-FFF2-40B4-BE49-F238E27FC236}">
                  <a16:creationId xmlns:a16="http://schemas.microsoft.com/office/drawing/2014/main" id="{0400A406-7135-F9D5-1403-F9BD14051013}"/>
                </a:ext>
              </a:extLst>
            </p:cNvPr>
            <p:cNvSpPr>
              <a:spLocks/>
            </p:cNvSpPr>
            <p:nvPr/>
          </p:nvSpPr>
          <p:spPr bwMode="auto">
            <a:xfrm>
              <a:off x="2811" y="2482"/>
              <a:ext cx="332" cy="423"/>
            </a:xfrm>
            <a:custGeom>
              <a:avLst/>
              <a:gdLst>
                <a:gd fmla="*/ 905 w 1426" name="T0"/>
                <a:gd fmla="*/ 2 h 1814" name="T1"/>
                <a:gd fmla="*/ 905 w 1426" name="T2"/>
                <a:gd fmla="*/ 2 h 1814" name="T3"/>
                <a:gd fmla="*/ 884 w 1426" name="T4"/>
                <a:gd fmla="*/ 1 h 1814" name="T5"/>
                <a:gd fmla="*/ 880 w 1426" name="T6"/>
                <a:gd fmla="*/ 0 h 1814" name="T7"/>
                <a:gd fmla="*/ 713 w 1426" name="T8"/>
                <a:gd fmla="*/ 0 h 1814" name="T9"/>
                <a:gd fmla="*/ 546 w 1426" name="T10"/>
                <a:gd fmla="*/ 0 h 1814" name="T11"/>
                <a:gd fmla="*/ 542 w 1426" name="T12"/>
                <a:gd fmla="*/ 1 h 1814" name="T13"/>
                <a:gd fmla="*/ 521 w 1426" name="T14"/>
                <a:gd fmla="*/ 2 h 1814" name="T15"/>
                <a:gd fmla="*/ 8 w 1426" name="T16"/>
                <a:gd fmla="*/ 797 h 1814" name="T17"/>
                <a:gd fmla="*/ 97 w 1426" name="T18"/>
                <a:gd fmla="*/ 914 h 1814" name="T19"/>
                <a:gd fmla="*/ 111 w 1426" name="T20"/>
                <a:gd fmla="*/ 915 h 1814" name="T21"/>
                <a:gd fmla="*/ 214 w 1426" name="T22"/>
                <a:gd fmla="*/ 825 h 1814" name="T23"/>
                <a:gd fmla="*/ 378 w 1426" name="T24"/>
                <a:gd fmla="*/ 340 h 1814" name="T25"/>
                <a:gd fmla="*/ 378 w 1426" name="T26"/>
                <a:gd fmla="*/ 1056 h 1814" name="T27"/>
                <a:gd fmla="*/ 378 w 1426" name="T28"/>
                <a:gd fmla="*/ 1681 h 1814" name="T29"/>
                <a:gd fmla="*/ 512 w 1426" name="T30"/>
                <a:gd fmla="*/ 1814 h 1814" name="T31"/>
                <a:gd fmla="*/ 646 w 1426" name="T32"/>
                <a:gd fmla="*/ 1681 h 1814" name="T33"/>
                <a:gd fmla="*/ 646 w 1426" name="T34"/>
                <a:gd fmla="*/ 1056 h 1814" name="T35"/>
                <a:gd fmla="*/ 713 w 1426" name="T36"/>
                <a:gd fmla="*/ 1056 h 1814" name="T37"/>
                <a:gd fmla="*/ 780 w 1426" name="T38"/>
                <a:gd fmla="*/ 1056 h 1814" name="T39"/>
                <a:gd fmla="*/ 780 w 1426" name="T40"/>
                <a:gd fmla="*/ 1681 h 1814" name="T41"/>
                <a:gd fmla="*/ 914 w 1426" name="T42"/>
                <a:gd fmla="*/ 1814 h 1814" name="T43"/>
                <a:gd fmla="*/ 1047 w 1426" name="T44"/>
                <a:gd fmla="*/ 1681 h 1814" name="T45"/>
                <a:gd fmla="*/ 1047 w 1426" name="T46"/>
                <a:gd fmla="*/ 1056 h 1814" name="T47"/>
                <a:gd fmla="*/ 1047 w 1426" name="T48"/>
                <a:gd fmla="*/ 1056 h 1814" name="T49"/>
                <a:gd fmla="*/ 1047 w 1426" name="T50"/>
                <a:gd fmla="*/ 340 h 1814" name="T51"/>
                <a:gd fmla="*/ 1212 w 1426" name="T52"/>
                <a:gd fmla="*/ 825 h 1814" name="T53"/>
                <a:gd fmla="*/ 1315 w 1426" name="T54"/>
                <a:gd fmla="*/ 915 h 1814" name="T55"/>
                <a:gd fmla="*/ 1329 w 1426" name="T56"/>
                <a:gd fmla="*/ 914 h 1814" name="T57"/>
                <a:gd fmla="*/ 1418 w 1426" name="T58"/>
                <a:gd fmla="*/ 797 h 1814" name="T59"/>
                <a:gd fmla="*/ 905 w 1426" name="T60"/>
                <a:gd fmla="*/ 2 h 1814" name="T6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Lst>
              <a:rect b="b" l="0" r="r" t="0"/>
              <a:pathLst>
                <a:path h="1814" w="1426">
                  <a:moveTo>
                    <a:pt x="905" y="2"/>
                  </a:moveTo>
                  <a:lnTo>
                    <a:pt x="905" y="2"/>
                  </a:lnTo>
                  <a:cubicBezTo>
                    <a:pt x="898" y="1"/>
                    <a:pt x="891" y="1"/>
                    <a:pt x="884" y="1"/>
                  </a:cubicBezTo>
                  <a:lnTo>
                    <a:pt x="880" y="0"/>
                  </a:lnTo>
                  <a:lnTo>
                    <a:pt x="713" y="0"/>
                  </a:lnTo>
                  <a:lnTo>
                    <a:pt x="546" y="0"/>
                  </a:lnTo>
                  <a:lnTo>
                    <a:pt x="542" y="1"/>
                  </a:lnTo>
                  <a:cubicBezTo>
                    <a:pt x="535" y="1"/>
                    <a:pt x="528" y="1"/>
                    <a:pt x="521" y="2"/>
                  </a:cubicBezTo>
                  <a:cubicBezTo>
                    <a:pt x="119" y="55"/>
                    <a:pt x="18" y="721"/>
                    <a:pt x="8" y="797"/>
                  </a:cubicBezTo>
                  <a:cubicBezTo>
                    <a:pt x="0" y="854"/>
                    <a:pt x="40" y="906"/>
                    <a:pt x="97" y="914"/>
                  </a:cubicBezTo>
                  <a:cubicBezTo>
                    <a:pt x="102" y="915"/>
                    <a:pt x="106" y="915"/>
                    <a:pt x="111" y="915"/>
                  </a:cubicBezTo>
                  <a:cubicBezTo>
                    <a:pt x="162" y="915"/>
                    <a:pt x="207" y="877"/>
                    <a:pt x="214" y="825"/>
                  </a:cubicBezTo>
                  <a:cubicBezTo>
                    <a:pt x="228" y="723"/>
                    <a:pt x="281" y="489"/>
                    <a:pt x="378" y="340"/>
                  </a:cubicBezTo>
                  <a:lnTo>
                    <a:pt x="378" y="1056"/>
                  </a:lnTo>
                  <a:lnTo>
                    <a:pt x="378" y="1681"/>
                  </a:lnTo>
                  <a:cubicBezTo>
                    <a:pt x="378" y="1755"/>
                    <a:pt x="438" y="1814"/>
                    <a:pt x="512" y="1814"/>
                  </a:cubicBezTo>
                  <a:cubicBezTo>
                    <a:pt x="586" y="1814"/>
                    <a:pt x="646" y="1755"/>
                    <a:pt x="646" y="1681"/>
                  </a:cubicBezTo>
                  <a:lnTo>
                    <a:pt x="646" y="1056"/>
                  </a:lnTo>
                  <a:lnTo>
                    <a:pt x="713" y="1056"/>
                  </a:lnTo>
                  <a:lnTo>
                    <a:pt x="780" y="1056"/>
                  </a:lnTo>
                  <a:lnTo>
                    <a:pt x="780" y="1681"/>
                  </a:lnTo>
                  <a:cubicBezTo>
                    <a:pt x="780" y="1755"/>
                    <a:pt x="840" y="1814"/>
                    <a:pt x="914" y="1814"/>
                  </a:cubicBezTo>
                  <a:cubicBezTo>
                    <a:pt x="987" y="1814"/>
                    <a:pt x="1047" y="1755"/>
                    <a:pt x="1047" y="1681"/>
                  </a:cubicBezTo>
                  <a:lnTo>
                    <a:pt x="1047" y="1056"/>
                  </a:lnTo>
                  <a:lnTo>
                    <a:pt x="1047" y="1056"/>
                  </a:lnTo>
                  <a:lnTo>
                    <a:pt x="1047" y="340"/>
                  </a:lnTo>
                  <a:cubicBezTo>
                    <a:pt x="1145" y="489"/>
                    <a:pt x="1198" y="723"/>
                    <a:pt x="1212" y="825"/>
                  </a:cubicBezTo>
                  <a:cubicBezTo>
                    <a:pt x="1219" y="877"/>
                    <a:pt x="1264" y="915"/>
                    <a:pt x="1315" y="915"/>
                  </a:cubicBezTo>
                  <a:cubicBezTo>
                    <a:pt x="1319" y="915"/>
                    <a:pt x="1324" y="915"/>
                    <a:pt x="1329" y="914"/>
                  </a:cubicBezTo>
                  <a:cubicBezTo>
                    <a:pt x="1386" y="907"/>
                    <a:pt x="1426" y="854"/>
                    <a:pt x="1418" y="797"/>
                  </a:cubicBezTo>
                  <a:cubicBezTo>
                    <a:pt x="1408" y="721"/>
                    <a:pt x="1307" y="55"/>
                    <a:pt x="905" y="2"/>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35" name="Freeform 10">
              <a:extLst>
                <a:ext uri="{FF2B5EF4-FFF2-40B4-BE49-F238E27FC236}">
                  <a16:creationId xmlns:a16="http://schemas.microsoft.com/office/drawing/2014/main" id="{7297B3D8-8620-595D-6D20-DA42DECAB0AE}"/>
                </a:ext>
              </a:extLst>
            </p:cNvPr>
            <p:cNvSpPr>
              <a:spLocks/>
            </p:cNvSpPr>
            <p:nvPr/>
          </p:nvSpPr>
          <p:spPr bwMode="auto">
            <a:xfrm>
              <a:off x="3242" y="2160"/>
              <a:ext cx="143" cy="142"/>
            </a:xfrm>
            <a:custGeom>
              <a:avLst/>
              <a:gdLst>
                <a:gd fmla="*/ 307 w 613" name="T0"/>
                <a:gd fmla="*/ 612 h 612" name="T1"/>
                <a:gd fmla="*/ 307 w 613" name="T2"/>
                <a:gd fmla="*/ 612 h 612" name="T3"/>
                <a:gd fmla="*/ 613 w 613" name="T4"/>
                <a:gd fmla="*/ 306 h 612" name="T5"/>
                <a:gd fmla="*/ 307 w 613" name="T6"/>
                <a:gd fmla="*/ 0 h 612" name="T7"/>
                <a:gd fmla="*/ 0 w 613" name="T8"/>
                <a:gd fmla="*/ 306 h 612" name="T9"/>
                <a:gd fmla="*/ 307 w 613" name="T10"/>
                <a:gd fmla="*/ 612 h 612" name="T11"/>
              </a:gdLst>
              <a:ahLst/>
              <a:cxnLst>
                <a:cxn ang="0">
                  <a:pos x="T0" y="T1"/>
                </a:cxn>
                <a:cxn ang="0">
                  <a:pos x="T2" y="T3"/>
                </a:cxn>
                <a:cxn ang="0">
                  <a:pos x="T4" y="T5"/>
                </a:cxn>
                <a:cxn ang="0">
                  <a:pos x="T6" y="T7"/>
                </a:cxn>
                <a:cxn ang="0">
                  <a:pos x="T8" y="T9"/>
                </a:cxn>
                <a:cxn ang="0">
                  <a:pos x="T10" y="T11"/>
                </a:cxn>
              </a:cxnLst>
              <a:rect b="b" l="0" r="r" t="0"/>
              <a:pathLst>
                <a:path h="612" w="613">
                  <a:moveTo>
                    <a:pt x="307" y="612"/>
                  </a:moveTo>
                  <a:lnTo>
                    <a:pt x="307" y="612"/>
                  </a:lnTo>
                  <a:cubicBezTo>
                    <a:pt x="476" y="612"/>
                    <a:pt x="613" y="475"/>
                    <a:pt x="613" y="306"/>
                  </a:cubicBezTo>
                  <a:cubicBezTo>
                    <a:pt x="613" y="136"/>
                    <a:pt x="476" y="0"/>
                    <a:pt x="307" y="0"/>
                  </a:cubicBezTo>
                  <a:cubicBezTo>
                    <a:pt x="137" y="0"/>
                    <a:pt x="0" y="136"/>
                    <a:pt x="0" y="306"/>
                  </a:cubicBezTo>
                  <a:cubicBezTo>
                    <a:pt x="0" y="475"/>
                    <a:pt x="137" y="612"/>
                    <a:pt x="307" y="612"/>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36" name="Freeform 11">
              <a:extLst>
                <a:ext uri="{FF2B5EF4-FFF2-40B4-BE49-F238E27FC236}">
                  <a16:creationId xmlns:a16="http://schemas.microsoft.com/office/drawing/2014/main" id="{15389ABD-2159-88EA-7654-D7AE541964B2}"/>
                </a:ext>
              </a:extLst>
            </p:cNvPr>
            <p:cNvSpPr>
              <a:spLocks/>
            </p:cNvSpPr>
            <p:nvPr/>
          </p:nvSpPr>
          <p:spPr bwMode="auto">
            <a:xfrm>
              <a:off x="3171" y="2317"/>
              <a:ext cx="284" cy="587"/>
            </a:xfrm>
            <a:custGeom>
              <a:avLst/>
              <a:gdLst>
                <a:gd fmla="*/ 861 w 1219" name="T0"/>
                <a:gd fmla="*/ 0 h 2515" name="T1"/>
                <a:gd fmla="*/ 861 w 1219" name="T2"/>
                <a:gd fmla="*/ 0 h 2515" name="T3"/>
                <a:gd fmla="*/ 358 w 1219" name="T4"/>
                <a:gd fmla="*/ 0 h 2515" name="T5"/>
                <a:gd fmla="*/ 0 w 1219" name="T6"/>
                <a:gd fmla="*/ 358 h 2515" name="T7"/>
                <a:gd fmla="*/ 0 w 1219" name="T8"/>
                <a:gd fmla="*/ 1170 h 2515" name="T9"/>
                <a:gd fmla="*/ 110 w 1219" name="T10"/>
                <a:gd fmla="*/ 1280 h 2515" name="T11"/>
                <a:gd fmla="*/ 220 w 1219" name="T12"/>
                <a:gd fmla="*/ 1170 h 2515" name="T13"/>
                <a:gd fmla="*/ 220 w 1219" name="T14"/>
                <a:gd fmla="*/ 358 h 2515" name="T15"/>
                <a:gd fmla="*/ 275 w 1219" name="T16"/>
                <a:gd fmla="*/ 249 h 2515" name="T17"/>
                <a:gd fmla="*/ 275 w 1219" name="T18"/>
                <a:gd fmla="*/ 2392 h 2515" name="T19"/>
                <a:gd fmla="*/ 399 w 1219" name="T20"/>
                <a:gd fmla="*/ 2515 h 2515" name="T21"/>
                <a:gd fmla="*/ 523 w 1219" name="T22"/>
                <a:gd fmla="*/ 2392 h 2515" name="T23"/>
                <a:gd fmla="*/ 523 w 1219" name="T24"/>
                <a:gd fmla="*/ 1356 h 2515" name="T25"/>
                <a:gd fmla="*/ 685 w 1219" name="T26"/>
                <a:gd fmla="*/ 1356 h 2515" name="T27"/>
                <a:gd fmla="*/ 685 w 1219" name="T28"/>
                <a:gd fmla="*/ 2392 h 2515" name="T29"/>
                <a:gd fmla="*/ 809 w 1219" name="T30"/>
                <a:gd fmla="*/ 2515 h 2515" name="T31"/>
                <a:gd fmla="*/ 933 w 1219" name="T32"/>
                <a:gd fmla="*/ 2392 h 2515" name="T33"/>
                <a:gd fmla="*/ 933 w 1219" name="T34"/>
                <a:gd fmla="*/ 241 h 2515" name="T35"/>
                <a:gd fmla="*/ 999 w 1219" name="T36"/>
                <a:gd fmla="*/ 358 h 2515" name="T37"/>
                <a:gd fmla="*/ 999 w 1219" name="T38"/>
                <a:gd fmla="*/ 1170 h 2515" name="T39"/>
                <a:gd fmla="*/ 1109 w 1219" name="T40"/>
                <a:gd fmla="*/ 1280 h 2515" name="T41"/>
                <a:gd fmla="*/ 1219 w 1219" name="T42"/>
                <a:gd fmla="*/ 1170 h 2515" name="T43"/>
                <a:gd fmla="*/ 1219 w 1219" name="T44"/>
                <a:gd fmla="*/ 358 h 2515" name="T45"/>
                <a:gd fmla="*/ 861 w 1219" name="T46"/>
                <a:gd fmla="*/ 0 h 2515" name="T4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Lst>
              <a:rect b="b" l="0" r="r" t="0"/>
              <a:pathLst>
                <a:path h="2515" w="1219">
                  <a:moveTo>
                    <a:pt x="861" y="0"/>
                  </a:moveTo>
                  <a:lnTo>
                    <a:pt x="861" y="0"/>
                  </a:lnTo>
                  <a:lnTo>
                    <a:pt x="358" y="0"/>
                  </a:lnTo>
                  <a:cubicBezTo>
                    <a:pt x="160" y="0"/>
                    <a:pt x="0" y="161"/>
                    <a:pt x="0" y="358"/>
                  </a:cubicBezTo>
                  <a:lnTo>
                    <a:pt x="0" y="1170"/>
                  </a:lnTo>
                  <a:cubicBezTo>
                    <a:pt x="0" y="1231"/>
                    <a:pt x="49" y="1280"/>
                    <a:pt x="110" y="1280"/>
                  </a:cubicBezTo>
                  <a:cubicBezTo>
                    <a:pt x="171" y="1280"/>
                    <a:pt x="220" y="1231"/>
                    <a:pt x="220" y="1170"/>
                  </a:cubicBezTo>
                  <a:lnTo>
                    <a:pt x="220" y="358"/>
                  </a:lnTo>
                  <a:cubicBezTo>
                    <a:pt x="220" y="313"/>
                    <a:pt x="242" y="274"/>
                    <a:pt x="275" y="249"/>
                  </a:cubicBezTo>
                  <a:lnTo>
                    <a:pt x="275" y="2392"/>
                  </a:lnTo>
                  <a:cubicBezTo>
                    <a:pt x="275" y="2460"/>
                    <a:pt x="331" y="2515"/>
                    <a:pt x="399" y="2515"/>
                  </a:cubicBezTo>
                  <a:cubicBezTo>
                    <a:pt x="467" y="2515"/>
                    <a:pt x="523" y="2460"/>
                    <a:pt x="523" y="2392"/>
                  </a:cubicBezTo>
                  <a:lnTo>
                    <a:pt x="523" y="1356"/>
                  </a:lnTo>
                  <a:lnTo>
                    <a:pt x="685" y="1356"/>
                  </a:lnTo>
                  <a:lnTo>
                    <a:pt x="685" y="2392"/>
                  </a:lnTo>
                  <a:cubicBezTo>
                    <a:pt x="685" y="2460"/>
                    <a:pt x="740" y="2515"/>
                    <a:pt x="809" y="2515"/>
                  </a:cubicBezTo>
                  <a:cubicBezTo>
                    <a:pt x="877" y="2515"/>
                    <a:pt x="933" y="2460"/>
                    <a:pt x="933" y="2392"/>
                  </a:cubicBezTo>
                  <a:lnTo>
                    <a:pt x="933" y="241"/>
                  </a:lnTo>
                  <a:cubicBezTo>
                    <a:pt x="972" y="265"/>
                    <a:pt x="999" y="308"/>
                    <a:pt x="999" y="358"/>
                  </a:cubicBezTo>
                  <a:lnTo>
                    <a:pt x="999" y="1170"/>
                  </a:lnTo>
                  <a:cubicBezTo>
                    <a:pt x="999" y="1231"/>
                    <a:pt x="1048" y="1280"/>
                    <a:pt x="1109" y="1280"/>
                  </a:cubicBezTo>
                  <a:cubicBezTo>
                    <a:pt x="1170" y="1280"/>
                    <a:pt x="1219" y="1231"/>
                    <a:pt x="1219" y="1170"/>
                  </a:cubicBezTo>
                  <a:lnTo>
                    <a:pt x="1219" y="358"/>
                  </a:lnTo>
                  <a:cubicBezTo>
                    <a:pt x="1219" y="161"/>
                    <a:pt x="1059" y="0"/>
                    <a:pt x="861" y="0"/>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grpSp>
      <p:grpSp>
        <p:nvGrpSpPr>
          <p:cNvPr id="37" name="Group 14">
            <a:extLst>
              <a:ext uri="{FF2B5EF4-FFF2-40B4-BE49-F238E27FC236}">
                <a16:creationId xmlns:a16="http://schemas.microsoft.com/office/drawing/2014/main" id="{537FF20A-56AB-726D-3C02-B6F67F80630D}"/>
              </a:ext>
            </a:extLst>
          </p:cNvPr>
          <p:cNvGrpSpPr>
            <a:grpSpLocks noChangeAspect="1"/>
          </p:cNvGrpSpPr>
          <p:nvPr/>
        </p:nvGrpSpPr>
        <p:grpSpPr bwMode="auto">
          <a:xfrm>
            <a:off x="8288150" y="2518418"/>
            <a:ext cx="1097259" cy="645263"/>
            <a:chOff x="4228" y="2221"/>
            <a:chExt cx="1056" cy="621"/>
          </a:xfrm>
        </p:grpSpPr>
        <p:sp>
          <p:nvSpPr>
            <p:cNvPr id="38" name="AutoShape 13">
              <a:extLst>
                <a:ext uri="{FF2B5EF4-FFF2-40B4-BE49-F238E27FC236}">
                  <a16:creationId xmlns:a16="http://schemas.microsoft.com/office/drawing/2014/main" id="{28A86724-B85A-BF74-CE71-F080EFAFE7FF}"/>
                </a:ext>
              </a:extLst>
            </p:cNvPr>
            <p:cNvSpPr>
              <a:spLocks noChangeArrowheads="1" noChangeAspect="1" noTextEdit="1"/>
            </p:cNvSpPr>
            <p:nvPr/>
          </p:nvSpPr>
          <p:spPr bwMode="auto">
            <a:xfrm>
              <a:off x="4228" y="2221"/>
              <a:ext cx="1056" cy="62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t" anchorCtr="0" bIns="45720" compatLnSpc="1" lIns="91440" numCol="1" rIns="91440" tIns="45720" vert="horz" wrap="square">
              <a:prstTxWarp prst="textNoShape">
                <a:avLst/>
              </a:prstTxWarp>
            </a:bodyPr>
            <a:lstStyle/>
            <a:p>
              <a:endParaRPr lang="en-US"/>
            </a:p>
          </p:txBody>
        </p:sp>
        <p:sp>
          <p:nvSpPr>
            <p:cNvPr id="39" name="Freeform 15">
              <a:extLst>
                <a:ext uri="{FF2B5EF4-FFF2-40B4-BE49-F238E27FC236}">
                  <a16:creationId xmlns:a16="http://schemas.microsoft.com/office/drawing/2014/main" id="{F0EF2F18-61A1-5325-0CE8-8684C00A17A0}"/>
                </a:ext>
              </a:extLst>
            </p:cNvPr>
            <p:cNvSpPr>
              <a:spLocks noEditPoints="1"/>
            </p:cNvSpPr>
            <p:nvPr/>
          </p:nvSpPr>
          <p:spPr bwMode="auto">
            <a:xfrm>
              <a:off x="4228" y="2221"/>
              <a:ext cx="432" cy="622"/>
            </a:xfrm>
            <a:custGeom>
              <a:avLst/>
              <a:gdLst>
                <a:gd fmla="*/ 755 w 4186" name="T0"/>
                <a:gd fmla="*/ 2092 h 6011" name="T1"/>
                <a:gd fmla="*/ 755 w 4186" name="T2"/>
                <a:gd fmla="*/ 2092 h 6011" name="T3"/>
                <a:gd fmla="*/ 2093 w 4186" name="T4"/>
                <a:gd fmla="*/ 754 h 6011" name="T5"/>
                <a:gd fmla="*/ 3431 w 4186" name="T6"/>
                <a:gd fmla="*/ 2092 h 6011" name="T7"/>
                <a:gd fmla="*/ 2093 w 4186" name="T8"/>
                <a:gd fmla="*/ 3430 h 6011" name="T9"/>
                <a:gd fmla="*/ 755 w 4186" name="T10"/>
                <a:gd fmla="*/ 2092 h 6011" name="T11"/>
                <a:gd fmla="*/ 4186 w 4186" name="T12"/>
                <a:gd fmla="*/ 2092 h 6011" name="T13"/>
                <a:gd fmla="*/ 4186 w 4186" name="T14"/>
                <a:gd fmla="*/ 2092 h 6011" name="T15"/>
                <a:gd fmla="*/ 2093 w 4186" name="T16"/>
                <a:gd fmla="*/ 0 h 6011" name="T17"/>
                <a:gd fmla="*/ 0 w 4186" name="T18"/>
                <a:gd fmla="*/ 2092 h 6011" name="T19"/>
                <a:gd fmla="*/ 1724 w 4186" name="T20"/>
                <a:gd fmla="*/ 4153 h 6011" name="T21"/>
                <a:gd fmla="*/ 1724 w 4186" name="T22"/>
                <a:gd fmla="*/ 4561 h 6011" name="T23"/>
                <a:gd fmla="*/ 1011 w 4186" name="T24"/>
                <a:gd fmla="*/ 4561 h 6011" name="T25"/>
                <a:gd fmla="*/ 1011 w 4186" name="T26"/>
                <a:gd fmla="*/ 5298 h 6011" name="T27"/>
                <a:gd fmla="*/ 1724 w 4186" name="T28"/>
                <a:gd fmla="*/ 5298 h 6011" name="T29"/>
                <a:gd fmla="*/ 1724 w 4186" name="T30"/>
                <a:gd fmla="*/ 6011 h 6011" name="T31"/>
                <a:gd fmla="*/ 2461 w 4186" name="T32"/>
                <a:gd fmla="*/ 6011 h 6011" name="T33"/>
                <a:gd fmla="*/ 2461 w 4186" name="T34"/>
                <a:gd fmla="*/ 5298 h 6011" name="T35"/>
                <a:gd fmla="*/ 3174 w 4186" name="T36"/>
                <a:gd fmla="*/ 5298 h 6011" name="T37"/>
                <a:gd fmla="*/ 3174 w 4186" name="T38"/>
                <a:gd fmla="*/ 4561 h 6011" name="T39"/>
                <a:gd fmla="*/ 2461 w 4186" name="T40"/>
                <a:gd fmla="*/ 4561 h 6011" name="T41"/>
                <a:gd fmla="*/ 2461 w 4186" name="T42"/>
                <a:gd fmla="*/ 4153 h 6011" name="T43"/>
                <a:gd fmla="*/ 4186 w 4186" name="T44"/>
                <a:gd fmla="*/ 2092 h 6011" name="T4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b="b" l="0" r="r" t="0"/>
              <a:pathLst>
                <a:path h="6011" w="4186">
                  <a:moveTo>
                    <a:pt x="755" y="2092"/>
                  </a:moveTo>
                  <a:lnTo>
                    <a:pt x="755" y="2092"/>
                  </a:lnTo>
                  <a:cubicBezTo>
                    <a:pt x="755" y="1353"/>
                    <a:pt x="1354" y="754"/>
                    <a:pt x="2093" y="754"/>
                  </a:cubicBezTo>
                  <a:cubicBezTo>
                    <a:pt x="2832" y="754"/>
                    <a:pt x="3431" y="1353"/>
                    <a:pt x="3431" y="2092"/>
                  </a:cubicBezTo>
                  <a:cubicBezTo>
                    <a:pt x="3431" y="2831"/>
                    <a:pt x="2832" y="3430"/>
                    <a:pt x="2093" y="3430"/>
                  </a:cubicBezTo>
                  <a:cubicBezTo>
                    <a:pt x="1354" y="3430"/>
                    <a:pt x="755" y="2831"/>
                    <a:pt x="755" y="2092"/>
                  </a:cubicBezTo>
                  <a:close/>
                  <a:moveTo>
                    <a:pt x="4186" y="2092"/>
                  </a:moveTo>
                  <a:lnTo>
                    <a:pt x="4186" y="2092"/>
                  </a:lnTo>
                  <a:cubicBezTo>
                    <a:pt x="4186" y="936"/>
                    <a:pt x="3249" y="0"/>
                    <a:pt x="2093" y="0"/>
                  </a:cubicBezTo>
                  <a:cubicBezTo>
                    <a:pt x="937" y="0"/>
                    <a:pt x="0" y="936"/>
                    <a:pt x="0" y="2092"/>
                  </a:cubicBezTo>
                  <a:cubicBezTo>
                    <a:pt x="0" y="3122"/>
                    <a:pt x="744" y="3979"/>
                    <a:pt x="1724" y="4153"/>
                  </a:cubicBezTo>
                  <a:lnTo>
                    <a:pt x="1724" y="4561"/>
                  </a:lnTo>
                  <a:lnTo>
                    <a:pt x="1011" y="4561"/>
                  </a:lnTo>
                  <a:lnTo>
                    <a:pt x="1011" y="5298"/>
                  </a:lnTo>
                  <a:lnTo>
                    <a:pt x="1724" y="5298"/>
                  </a:lnTo>
                  <a:lnTo>
                    <a:pt x="1724" y="6011"/>
                  </a:lnTo>
                  <a:lnTo>
                    <a:pt x="2461" y="6011"/>
                  </a:lnTo>
                  <a:lnTo>
                    <a:pt x="2461" y="5298"/>
                  </a:lnTo>
                  <a:lnTo>
                    <a:pt x="3174" y="5298"/>
                  </a:lnTo>
                  <a:lnTo>
                    <a:pt x="3174" y="4561"/>
                  </a:lnTo>
                  <a:lnTo>
                    <a:pt x="2461" y="4561"/>
                  </a:lnTo>
                  <a:lnTo>
                    <a:pt x="2461" y="4153"/>
                  </a:lnTo>
                  <a:cubicBezTo>
                    <a:pt x="3442" y="3979"/>
                    <a:pt x="4186" y="3122"/>
                    <a:pt x="4186" y="2092"/>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40" name="Freeform 16">
              <a:extLst>
                <a:ext uri="{FF2B5EF4-FFF2-40B4-BE49-F238E27FC236}">
                  <a16:creationId xmlns:a16="http://schemas.microsoft.com/office/drawing/2014/main" id="{55CB9216-6A5B-2F0E-0248-162296E5AC37}"/>
                </a:ext>
              </a:extLst>
            </p:cNvPr>
            <p:cNvSpPr>
              <a:spLocks noEditPoints="1"/>
            </p:cNvSpPr>
            <p:nvPr/>
          </p:nvSpPr>
          <p:spPr bwMode="auto">
            <a:xfrm>
              <a:off x="4735" y="2273"/>
              <a:ext cx="550" cy="551"/>
            </a:xfrm>
            <a:custGeom>
              <a:avLst/>
              <a:gdLst>
                <a:gd fmla="*/ 2093 w 5323" name="T0"/>
                <a:gd fmla="*/ 4567 h 5322" name="T1"/>
                <a:gd fmla="*/ 2093 w 5323" name="T2"/>
                <a:gd fmla="*/ 4567 h 5322" name="T3"/>
                <a:gd fmla="*/ 755 w 5323" name="T4"/>
                <a:gd fmla="*/ 3229 h 5322" name="T5"/>
                <a:gd fmla="*/ 2093 w 5323" name="T6"/>
                <a:gd fmla="*/ 1891 h 5322" name="T7"/>
                <a:gd fmla="*/ 3431 w 5323" name="T8"/>
                <a:gd fmla="*/ 3229 h 5322" name="T9"/>
                <a:gd fmla="*/ 2093 w 5323" name="T10"/>
                <a:gd fmla="*/ 4567 h 5322" name="T11"/>
                <a:gd fmla="*/ 4586 w 5323" name="T12"/>
                <a:gd fmla="*/ 0 h 5322" name="T13"/>
                <a:gd fmla="*/ 4586 w 5323" name="T14"/>
                <a:gd fmla="*/ 0 h 5322" name="T15"/>
                <a:gd fmla="*/ 3160 w 5323" name="T16"/>
                <a:gd fmla="*/ 0 h 5322" name="T17"/>
                <a:gd fmla="*/ 3160 w 5323" name="T18"/>
                <a:gd fmla="*/ 737 h 5322" name="T19"/>
                <a:gd fmla="*/ 4065 w 5323" name="T20"/>
                <a:gd fmla="*/ 737 h 5322" name="T21"/>
                <a:gd fmla="*/ 3290 w 5323" name="T22"/>
                <a:gd fmla="*/ 1512 h 5322" name="T23"/>
                <a:gd fmla="*/ 2093 w 5323" name="T24"/>
                <a:gd fmla="*/ 1135 h 5322" name="T25"/>
                <a:gd fmla="*/ 0 w 5323" name="T26"/>
                <a:gd fmla="*/ 3229 h 5322" name="T27"/>
                <a:gd fmla="*/ 2093 w 5323" name="T28"/>
                <a:gd fmla="*/ 5322 h 5322" name="T29"/>
                <a:gd fmla="*/ 4186 w 5323" name="T30"/>
                <a:gd fmla="*/ 3229 h 5322" name="T31"/>
                <a:gd fmla="*/ 3811 w 5323" name="T32"/>
                <a:gd fmla="*/ 2033 h 5322" name="T33"/>
                <a:gd fmla="*/ 4586 w 5323" name="T34"/>
                <a:gd fmla="*/ 1258 h 5322" name="T35"/>
                <a:gd fmla="*/ 4586 w 5323" name="T36"/>
                <a:gd fmla="*/ 2163 h 5322" name="T37"/>
                <a:gd fmla="*/ 5323 w 5323" name="T38"/>
                <a:gd fmla="*/ 2163 h 5322" name="T39"/>
                <a:gd fmla="*/ 5323 w 5323" name="T40"/>
                <a:gd fmla="*/ 737 h 5322" name="T41"/>
                <a:gd fmla="*/ 5323 w 5323" name="T42"/>
                <a:gd fmla="*/ 0 h 5322" name="T43"/>
                <a:gd fmla="*/ 4586 w 5323" name="T44"/>
                <a:gd fmla="*/ 0 h 5322" name="T4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b="b" l="0" r="r" t="0"/>
              <a:pathLst>
                <a:path h="5322" w="5323">
                  <a:moveTo>
                    <a:pt x="2093" y="4567"/>
                  </a:moveTo>
                  <a:lnTo>
                    <a:pt x="2093" y="4567"/>
                  </a:lnTo>
                  <a:cubicBezTo>
                    <a:pt x="1354" y="4567"/>
                    <a:pt x="755" y="3968"/>
                    <a:pt x="755" y="3229"/>
                  </a:cubicBezTo>
                  <a:cubicBezTo>
                    <a:pt x="755" y="2490"/>
                    <a:pt x="1354" y="1891"/>
                    <a:pt x="2093" y="1891"/>
                  </a:cubicBezTo>
                  <a:cubicBezTo>
                    <a:pt x="2832" y="1891"/>
                    <a:pt x="3431" y="2490"/>
                    <a:pt x="3431" y="3229"/>
                  </a:cubicBezTo>
                  <a:cubicBezTo>
                    <a:pt x="3431" y="3968"/>
                    <a:pt x="2832" y="4567"/>
                    <a:pt x="2093" y="4567"/>
                  </a:cubicBezTo>
                  <a:close/>
                  <a:moveTo>
                    <a:pt x="4586" y="0"/>
                  </a:moveTo>
                  <a:lnTo>
                    <a:pt x="4586" y="0"/>
                  </a:lnTo>
                  <a:lnTo>
                    <a:pt x="3160" y="0"/>
                  </a:lnTo>
                  <a:lnTo>
                    <a:pt x="3160" y="737"/>
                  </a:lnTo>
                  <a:lnTo>
                    <a:pt x="4065" y="737"/>
                  </a:lnTo>
                  <a:lnTo>
                    <a:pt x="3290" y="1512"/>
                  </a:lnTo>
                  <a:cubicBezTo>
                    <a:pt x="2951" y="1275"/>
                    <a:pt x="2538" y="1135"/>
                    <a:pt x="2093" y="1135"/>
                  </a:cubicBezTo>
                  <a:cubicBezTo>
                    <a:pt x="937" y="1135"/>
                    <a:pt x="0" y="2073"/>
                    <a:pt x="0" y="3229"/>
                  </a:cubicBezTo>
                  <a:cubicBezTo>
                    <a:pt x="0" y="4385"/>
                    <a:pt x="937" y="5322"/>
                    <a:pt x="2093" y="5322"/>
                  </a:cubicBezTo>
                  <a:cubicBezTo>
                    <a:pt x="3249" y="5322"/>
                    <a:pt x="4186" y="4385"/>
                    <a:pt x="4186" y="3229"/>
                  </a:cubicBezTo>
                  <a:cubicBezTo>
                    <a:pt x="4186" y="2784"/>
                    <a:pt x="4048" y="2372"/>
                    <a:pt x="3811" y="2033"/>
                  </a:cubicBezTo>
                  <a:lnTo>
                    <a:pt x="4586" y="1258"/>
                  </a:lnTo>
                  <a:lnTo>
                    <a:pt x="4586" y="2163"/>
                  </a:lnTo>
                  <a:lnTo>
                    <a:pt x="5323" y="2163"/>
                  </a:lnTo>
                  <a:lnTo>
                    <a:pt x="5323" y="737"/>
                  </a:lnTo>
                  <a:lnTo>
                    <a:pt x="5323" y="0"/>
                  </a:lnTo>
                  <a:lnTo>
                    <a:pt x="4586" y="0"/>
                  </a:lnTo>
                  <a:close/>
                </a:path>
              </a:pathLst>
            </a:custGeom>
            <a:solidFill>
              <a:srgbClr val="2196F3"/>
            </a:solidFill>
            <a:ln w="0">
              <a:solidFill>
                <a:schemeClr val="accent1"/>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grpSp>
      <p:sp>
        <p:nvSpPr>
          <p:cNvPr id="41" name="Rectangle: Rounded Corners 17">
            <a:extLst>
              <a:ext uri="{FF2B5EF4-FFF2-40B4-BE49-F238E27FC236}">
                <a16:creationId xmlns:a16="http://schemas.microsoft.com/office/drawing/2014/main" id="{B33B7BAA-396E-A5EB-5707-4F37B711FA0C}"/>
              </a:ext>
            </a:extLst>
          </p:cNvPr>
          <p:cNvSpPr/>
          <p:nvPr/>
        </p:nvSpPr>
        <p:spPr>
          <a:xfrm>
            <a:off x="6707052" y="1261114"/>
            <a:ext cx="2733339"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1bab9666300d15de1d9c4a17b9cf55f">
            <a:pPr algn="ctr">
              <a:buClr>
                <a:srgbClr val="008CCF"/>
              </a:buClr>
            </a:pPr>
            <a:r>
              <a:rPr lang="es-ES" sz="2400"/>
              <a:t>Ventilations</a:t>
            </a:r>
          </a:p>
        </p:txBody>
      </p:sp>
      <p:sp>
        <p:nvSpPr>
          <p:cNvPr id="43" name="TextBox 42">
            <a:extLst>
              <a:ext uri="{FF2B5EF4-FFF2-40B4-BE49-F238E27FC236}">
                <a16:creationId xmlns:a16="http://schemas.microsoft.com/office/drawing/2014/main" id="{CCF56929-7AE7-F318-0681-F0A8F5D5DACC}"/>
              </a:ext>
            </a:extLst>
          </p:cNvPr>
          <p:cNvSpPr txBox="1"/>
          <p:nvPr/>
        </p:nvSpPr>
        <p:spPr>
          <a:xfrm>
            <a:off x="2746455" y="1261114"/>
            <a:ext cx="274320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2280df2557371c8f6fbc343ac7e4f1a">
            <a:r>
              <a:rPr lang="es-ES"/>
              <a:t>Modèle de catégorie</a:t>
            </a:r>
          </a:p>
        </p:txBody>
      </p:sp>
    </p:spTree>
    <p:custDataLst>
      <p:tags r:id="rId1"/>
    </p:custDataLst>
    <p:extLst>
      <p:ext uri="{BB962C8B-B14F-4D97-AF65-F5344CB8AC3E}">
        <p14:creationId xmlns:p14="http://schemas.microsoft.com/office/powerpoint/2010/main" val="1633158777"/>
      </p:ext>
    </p:extLst>
  </p:cSld>
  <p:clrMapOvr>
    <a:masterClrMapping/>
  </p:clrMapOvr>
  <p:transition advClick="0" advTm="8808"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3"/>
                                        </p:tgtEl>
                                        <p:attrNameLst>
                                          <p:attrName>style.visibility</p:attrName>
                                        </p:attrNameLst>
                                      </p:cBhvr>
                                      <p:to>
                                        <p:strVal val="visible"/>
                                      </p:to>
                                    </p:set>
                                    <p:animEffect filter="fade" transition="in">
                                      <p:cBhvr>
                                        <p:cTn dur="500" id="7"/>
                                        <p:tgtEl>
                                          <p:spTgt spid="4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1"/>
                                        </p:tgtEl>
                                        <p:attrNameLst>
                                          <p:attrName>style.visibility</p:attrName>
                                        </p:attrNameLst>
                                      </p:cBhvr>
                                      <p:to>
                                        <p:strVal val="visible"/>
                                      </p:to>
                                    </p:set>
                                    <p:animEffect filter="fade" transition="in">
                                      <p:cBhvr>
                                        <p:cTn dur="500" id="12"/>
                                        <p:tgtEl>
                                          <p:spTgt spid="41"/>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5"/>
                                        </p:tgtEl>
                                        <p:attrNameLst>
                                          <p:attrName>style.visibility</p:attrName>
                                        </p:attrNameLst>
                                      </p:cBhvr>
                                      <p:to>
                                        <p:strVal val="visible"/>
                                      </p:to>
                                    </p:set>
                                    <p:animEffect filter="fade" transition="in">
                                      <p:cBhvr>
                                        <p:cTn dur="500" id="17"/>
                                        <p:tgtEl>
                                          <p:spTgt spid="25"/>
                                        </p:tgtEl>
                                      </p:cBhvr>
                                    </p:animEffect>
                                  </p:childTnLst>
                                </p:cTn>
                              </p:par>
                              <p:par>
                                <p:cTn fill="hold" id="18" nodeType="withEffect" presetClass="entr" presetID="10" presetSubtype="0">
                                  <p:stCondLst>
                                    <p:cond delay="0"/>
                                  </p:stCondLst>
                                  <p:childTnLst>
                                    <p:set>
                                      <p:cBhvr>
                                        <p:cTn dur="1" fill="hold" id="19">
                                          <p:stCondLst>
                                            <p:cond delay="0"/>
                                          </p:stCondLst>
                                        </p:cTn>
                                        <p:tgtEl>
                                          <p:spTgt spid="37"/>
                                        </p:tgtEl>
                                        <p:attrNameLst>
                                          <p:attrName>style.visibility</p:attrName>
                                        </p:attrNameLst>
                                      </p:cBhvr>
                                      <p:to>
                                        <p:strVal val="visible"/>
                                      </p:to>
                                    </p:set>
                                    <p:animEffect filter="fade" transition="in">
                                      <p:cBhvr>
                                        <p:cTn dur="500" id="20"/>
                                        <p:tgtEl>
                                          <p:spTgt spid="3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1"/>
      <p:bldP animBg="1" grpId="0" spid="43"/>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3c9d5a7b0102e8ea22d81967a791e80">
            <a:r>
              <a:rPr dirty="0" lang="en-US"/>
              <a:t>Dans cette vidéo, vous allez voir…</a:t>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3" name="TextBox 2">
            <a:extLst>
              <a:ext uri="{FF2B5EF4-FFF2-40B4-BE49-F238E27FC236}">
                <a16:creationId xmlns:a16="http://schemas.microsoft.com/office/drawing/2014/main" id="{F4A0E7D8-C5E5-8356-5243-549959A73D36}"/>
              </a:ext>
            </a:extLst>
          </p:cNvPr>
          <p:cNvSpPr txBox="1"/>
          <p:nvPr/>
        </p:nvSpPr>
        <p:spPr>
          <a:xfrm>
            <a:off x="6111158" y="1866868"/>
            <a:ext cx="2323072" cy="461665"/>
          </a:xfrm>
          <a:prstGeom prst="rect">
            <a:avLst/>
          </a:prstGeom>
          <a:noFill/>
        </p:spPr>
        <p:txBody>
          <a:bodyPr rtlCol="0" wrap="none">
            <a:spAutoFit/>
          </a:bodyPr>
          <a:lstStyle/>
          <a:p txid="4c9dce7ee5e1979ab601341484fca57a">
            <a:pPr algn="l">
              <a:buClr>
                <a:srgbClr val="008CCF"/>
              </a:buClr>
            </a:pPr>
            <a:r>
              <a:rPr lang="es-ES" sz="2400"/>
              <a:t>Comment créer</a:t>
            </a:r>
            <a:r>
              <a:rPr lang="en-NO" sz="2400"/>
            </a:r>
            <a:r>
              <a:rPr dirty="0" lang="en-NO" sz="2400"/>
            </a:r>
          </a:p>
        </p:txBody>
      </p:sp>
      <p:sp>
        <p:nvSpPr>
          <p:cNvPr id="4" name="TextBox 3">
            <a:extLst>
              <a:ext uri="{FF2B5EF4-FFF2-40B4-BE49-F238E27FC236}">
                <a16:creationId xmlns:a16="http://schemas.microsoft.com/office/drawing/2014/main" id="{A69762CD-1BF9-F7E0-D19D-C43FADF334B9}"/>
              </a:ext>
            </a:extLst>
          </p:cNvPr>
          <p:cNvSpPr txBox="1"/>
          <p:nvPr/>
        </p:nvSpPr>
        <p:spPr>
          <a:xfrm>
            <a:off x="6111158" y="2474487"/>
            <a:ext cx="4006225" cy="1693733"/>
          </a:xfrm>
          <a:prstGeom prst="rect">
            <a:avLst/>
          </a:prstGeom>
          <a:noFill/>
        </p:spPr>
        <p:txBody>
          <a:bodyPr rtlCol="0" wrap="none">
            <a:spAutoFit/>
          </a:bodyPr>
          <a:lstStyle/>
          <a:p txid="52e0c487207ffc0fcd875b841618b340">
            <a:pPr algn="l" indent="-342900" marL="342900">
              <a:lnSpc>
                <a:spcPct val="150000"/>
              </a:lnSpc>
              <a:buClr>
                <a:srgbClr val="008CCF"/>
              </a:buClr>
              <a:buFont charset="-79" pitchFamily="2" typeface="Rubik"/>
              <a:buChar char="•"/>
            </a:pPr>
            <a:r>
              <a:rPr dirty="0" lang="en-US" sz="2400"/>
              <a:t>Des options de catégorie</a:t>
            </a:r>
            <a:r>
              <a:rPr dirty="0" lang="en-NO" sz="2400"/>
            </a:r>
          </a:p>
          <a:p txid="681230c4cc213136176e9d768f9f8662">
            <a:pPr algn="l" indent="-342900" marL="342900">
              <a:lnSpc>
                <a:spcPct val="150000"/>
              </a:lnSpc>
              <a:buClr>
                <a:srgbClr val="008CCF"/>
              </a:buClr>
              <a:buFont charset="-79" pitchFamily="2" typeface="Rubik"/>
              <a:buChar char="•"/>
            </a:pPr>
            <a:r>
              <a:rPr dirty="0" lang="en-NO" sz="2400"/>
              <a:t>Des catégories</a:t>
            </a:r>
          </a:p>
          <a:p txid="f2dacd087cff8e7e30a46cef9d8af821">
            <a:pPr algn="l" indent="-342900" marL="342900">
              <a:lnSpc>
                <a:spcPct val="150000"/>
              </a:lnSpc>
              <a:buClr>
                <a:srgbClr val="008CCF"/>
              </a:buClr>
              <a:buFont charset="-79" pitchFamily="2" typeface="Rubik"/>
              <a:buChar char="•"/>
            </a:pPr>
            <a:r>
              <a:rPr dirty="0" lang="en-NO" sz="2400"/>
              <a:t>Des combinaisons de catégories</a:t>
            </a:r>
          </a:p>
        </p:txBody>
      </p:sp>
      <p:grpSp>
        <p:nvGrpSpPr>
          <p:cNvPr id="10" name="Group 4">
            <a:extLst>
              <a:ext uri="{FF2B5EF4-FFF2-40B4-BE49-F238E27FC236}">
                <a16:creationId xmlns:a16="http://schemas.microsoft.com/office/drawing/2014/main" id="{D83A1D8B-5DF8-8607-1EF0-100E068A256B}"/>
              </a:ext>
            </a:extLst>
          </p:cNvPr>
          <p:cNvGrpSpPr>
            <a:grpSpLocks noChangeAspect="1"/>
          </p:cNvGrpSpPr>
          <p:nvPr/>
        </p:nvGrpSpPr>
        <p:grpSpPr bwMode="auto">
          <a:xfrm>
            <a:off x="2710786" y="3040640"/>
            <a:ext cx="1003743" cy="772030"/>
            <a:chOff x="2486" y="2160"/>
            <a:chExt cx="966" cy="743"/>
          </a:xfrm>
        </p:grpSpPr>
        <p:sp>
          <p:nvSpPr>
            <p:cNvPr id="11" name="AutoShape 3">
              <a:extLst>
                <a:ext uri="{FF2B5EF4-FFF2-40B4-BE49-F238E27FC236}">
                  <a16:creationId xmlns:a16="http://schemas.microsoft.com/office/drawing/2014/main" id="{9C90B08D-480F-D2B8-D721-D77763A5EE15}"/>
                </a:ext>
              </a:extLst>
            </p:cNvPr>
            <p:cNvSpPr>
              <a:spLocks noChangeArrowheads="1" noChangeAspect="1" noTextEdit="1"/>
            </p:cNvSpPr>
            <p:nvPr/>
          </p:nvSpPr>
          <p:spPr bwMode="auto">
            <a:xfrm>
              <a:off x="2486" y="2160"/>
              <a:ext cx="966" cy="743"/>
            </a:xfrm>
            <a:prstGeom prst="rect">
              <a:avLst/>
            </a:prstGeom>
            <a:noFill/>
            <a:ln w="9525">
              <a:noFill/>
              <a:miter lim="800000"/>
              <a:headEnd/>
              <a:tailEnd/>
            </a:ln>
            <a:extLst>
              <a:ext uri="{909E8E84-426E-40DD-AFC4-6F175D3DCCD1}">
                <a14:hiddenFill xmlns:a14="http://schemas.microsoft.com/office/drawing/2010/main">
                  <a:solidFill>
                    <a:srgbClr val="FFFFFF"/>
                  </a:solidFill>
                </a14:hiddenFill>
              </a:ext>
            </a:extLst>
          </p:spPr>
          <p:txBody>
            <a:bodyPr anchor="t" anchorCtr="0" bIns="45720" compatLnSpc="1" lIns="91440" numCol="1" rIns="91440" tIns="45720" vert="horz" wrap="square">
              <a:prstTxWarp prst="textNoShape">
                <a:avLst/>
              </a:prstTxWarp>
            </a:bodyPr>
            <a:lstStyle/>
            <a:p>
              <a:endParaRPr lang="en-US"/>
            </a:p>
          </p:txBody>
        </p:sp>
        <p:sp>
          <p:nvSpPr>
            <p:cNvPr id="12" name="Freeform 5">
              <a:extLst>
                <a:ext uri="{FF2B5EF4-FFF2-40B4-BE49-F238E27FC236}">
                  <a16:creationId xmlns:a16="http://schemas.microsoft.com/office/drawing/2014/main" id="{6D999D97-25C4-7D87-A64C-84B8B9B5744D}"/>
                </a:ext>
              </a:extLst>
            </p:cNvPr>
            <p:cNvSpPr>
              <a:spLocks/>
            </p:cNvSpPr>
            <p:nvPr/>
          </p:nvSpPr>
          <p:spPr bwMode="auto">
            <a:xfrm>
              <a:off x="2497" y="2719"/>
              <a:ext cx="273" cy="178"/>
            </a:xfrm>
            <a:custGeom>
              <a:avLst/>
              <a:gdLst>
                <a:gd fmla="*/ 1133 w 1171" name="T0"/>
                <a:gd fmla="*/ 442 h 764" name="T1"/>
                <a:gd fmla="*/ 1133 w 1171" name="T2"/>
                <a:gd fmla="*/ 442 h 764" name="T3"/>
                <a:gd fmla="*/ 1071 w 1171" name="T4"/>
                <a:gd fmla="*/ 305 h 764" name="T5"/>
                <a:gd fmla="*/ 912 w 1171" name="T6"/>
                <a:gd fmla="*/ 269 h 764" name="T7"/>
                <a:gd fmla="*/ 928 w 1171" name="T8"/>
                <a:gd fmla="*/ 35 h 764" name="T9"/>
                <a:gd fmla="*/ 859 w 1171" name="T10"/>
                <a:gd fmla="*/ 0 h 764" name="T11"/>
                <a:gd fmla="*/ 585 w 1171" name="T12"/>
                <a:gd fmla="*/ 0 h 764" name="T13"/>
                <a:gd fmla="*/ 312 w 1171" name="T14"/>
                <a:gd fmla="*/ 0 h 764" name="T15"/>
                <a:gd fmla="*/ 243 w 1171" name="T16"/>
                <a:gd fmla="*/ 35 h 764" name="T17"/>
                <a:gd fmla="*/ 259 w 1171" name="T18"/>
                <a:gd fmla="*/ 269 h 764" name="T19"/>
                <a:gd fmla="*/ 100 w 1171" name="T20"/>
                <a:gd fmla="*/ 305 h 764" name="T21"/>
                <a:gd fmla="*/ 38 w 1171" name="T22"/>
                <a:gd fmla="*/ 442 h 764" name="T23"/>
                <a:gd fmla="*/ 170 w 1171" name="T24"/>
                <a:gd fmla="*/ 605 h 764" name="T25"/>
                <a:gd fmla="*/ 126 w 1171" name="T26"/>
                <a:gd fmla="*/ 702 h 764" name="T27"/>
                <a:gd fmla="*/ 201 w 1171" name="T28"/>
                <a:gd fmla="*/ 759 h 764" name="T29"/>
                <a:gd fmla="*/ 342 w 1171" name="T30"/>
                <a:gd fmla="*/ 614 h 764" name="T31"/>
                <a:gd fmla="*/ 202 w 1171" name="T32"/>
                <a:gd fmla="*/ 457 h 764" name="T33"/>
                <a:gd fmla="*/ 365 w 1171" name="T34"/>
                <a:gd fmla="*/ 389 h 764" name="T35"/>
                <a:gd fmla="*/ 585 w 1171" name="T36"/>
                <a:gd fmla="*/ 477 h 764" name="T37"/>
                <a:gd fmla="*/ 806 w 1171" name="T38"/>
                <a:gd fmla="*/ 389 h 764" name="T39"/>
                <a:gd fmla="*/ 968 w 1171" name="T40"/>
                <a:gd fmla="*/ 457 h 764" name="T41"/>
                <a:gd fmla="*/ 828 w 1171" name="T42"/>
                <a:gd fmla="*/ 614 h 764" name="T43"/>
                <a:gd fmla="*/ 969 w 1171" name="T44"/>
                <a:gd fmla="*/ 759 h 764" name="T45"/>
                <a:gd fmla="*/ 1044 w 1171" name="T46"/>
                <a:gd fmla="*/ 702 h 764" name="T47"/>
                <a:gd fmla="*/ 1000 w 1171" name="T48"/>
                <a:gd fmla="*/ 605 h 764" name="T49"/>
                <a:gd fmla="*/ 1133 w 1171" name="T50"/>
                <a:gd fmla="*/ 442 h 764" name="T5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b="b" l="0" r="r" t="0"/>
              <a:pathLst>
                <a:path h="764" w="1171">
                  <a:moveTo>
                    <a:pt x="1133" y="442"/>
                  </a:moveTo>
                  <a:lnTo>
                    <a:pt x="1133" y="442"/>
                  </a:lnTo>
                  <a:cubicBezTo>
                    <a:pt x="1171" y="349"/>
                    <a:pt x="1102" y="314"/>
                    <a:pt x="1071" y="305"/>
                  </a:cubicBezTo>
                  <a:cubicBezTo>
                    <a:pt x="1040" y="296"/>
                    <a:pt x="947" y="269"/>
                    <a:pt x="912" y="269"/>
                  </a:cubicBezTo>
                  <a:cubicBezTo>
                    <a:pt x="912" y="269"/>
                    <a:pt x="950" y="97"/>
                    <a:pt x="928" y="35"/>
                  </a:cubicBezTo>
                  <a:cubicBezTo>
                    <a:pt x="928" y="35"/>
                    <a:pt x="921" y="0"/>
                    <a:pt x="859" y="0"/>
                  </a:cubicBezTo>
                  <a:lnTo>
                    <a:pt x="585" y="0"/>
                  </a:lnTo>
                  <a:lnTo>
                    <a:pt x="312" y="0"/>
                  </a:lnTo>
                  <a:cubicBezTo>
                    <a:pt x="250" y="0"/>
                    <a:pt x="243" y="35"/>
                    <a:pt x="243" y="35"/>
                  </a:cubicBezTo>
                  <a:cubicBezTo>
                    <a:pt x="221" y="97"/>
                    <a:pt x="259" y="269"/>
                    <a:pt x="259" y="269"/>
                  </a:cubicBezTo>
                  <a:cubicBezTo>
                    <a:pt x="223" y="269"/>
                    <a:pt x="131" y="296"/>
                    <a:pt x="100" y="305"/>
                  </a:cubicBezTo>
                  <a:cubicBezTo>
                    <a:pt x="69" y="314"/>
                    <a:pt x="0" y="349"/>
                    <a:pt x="38" y="442"/>
                  </a:cubicBezTo>
                  <a:cubicBezTo>
                    <a:pt x="48" y="466"/>
                    <a:pt x="153" y="578"/>
                    <a:pt x="170" y="605"/>
                  </a:cubicBezTo>
                  <a:cubicBezTo>
                    <a:pt x="188" y="631"/>
                    <a:pt x="157" y="662"/>
                    <a:pt x="126" y="702"/>
                  </a:cubicBezTo>
                  <a:cubicBezTo>
                    <a:pt x="95" y="742"/>
                    <a:pt x="148" y="764"/>
                    <a:pt x="201" y="759"/>
                  </a:cubicBezTo>
                  <a:cubicBezTo>
                    <a:pt x="254" y="755"/>
                    <a:pt x="342" y="662"/>
                    <a:pt x="342" y="614"/>
                  </a:cubicBezTo>
                  <a:cubicBezTo>
                    <a:pt x="342" y="565"/>
                    <a:pt x="202" y="457"/>
                    <a:pt x="202" y="457"/>
                  </a:cubicBezTo>
                  <a:cubicBezTo>
                    <a:pt x="318" y="458"/>
                    <a:pt x="365" y="389"/>
                    <a:pt x="365" y="389"/>
                  </a:cubicBezTo>
                  <a:cubicBezTo>
                    <a:pt x="484" y="499"/>
                    <a:pt x="585" y="477"/>
                    <a:pt x="585" y="477"/>
                  </a:cubicBezTo>
                  <a:cubicBezTo>
                    <a:pt x="585" y="477"/>
                    <a:pt x="687" y="499"/>
                    <a:pt x="806" y="389"/>
                  </a:cubicBezTo>
                  <a:cubicBezTo>
                    <a:pt x="806" y="389"/>
                    <a:pt x="853" y="458"/>
                    <a:pt x="968" y="457"/>
                  </a:cubicBezTo>
                  <a:cubicBezTo>
                    <a:pt x="968" y="457"/>
                    <a:pt x="828" y="565"/>
                    <a:pt x="828" y="614"/>
                  </a:cubicBezTo>
                  <a:cubicBezTo>
                    <a:pt x="828" y="662"/>
                    <a:pt x="916" y="755"/>
                    <a:pt x="969" y="759"/>
                  </a:cubicBezTo>
                  <a:cubicBezTo>
                    <a:pt x="1022" y="764"/>
                    <a:pt x="1075" y="742"/>
                    <a:pt x="1044" y="702"/>
                  </a:cubicBezTo>
                  <a:cubicBezTo>
                    <a:pt x="1013" y="662"/>
                    <a:pt x="982" y="631"/>
                    <a:pt x="1000" y="605"/>
                  </a:cubicBezTo>
                  <a:cubicBezTo>
                    <a:pt x="1018" y="578"/>
                    <a:pt x="1122" y="466"/>
                    <a:pt x="1133" y="442"/>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13" name="Freeform 6">
              <a:extLst>
                <a:ext uri="{FF2B5EF4-FFF2-40B4-BE49-F238E27FC236}">
                  <a16:creationId xmlns:a16="http://schemas.microsoft.com/office/drawing/2014/main" id="{E2CED062-3CBB-A5CB-9BC3-7846A320C0BC}"/>
                </a:ext>
              </a:extLst>
            </p:cNvPr>
            <p:cNvSpPr>
              <a:spLocks/>
            </p:cNvSpPr>
            <p:nvPr/>
          </p:nvSpPr>
          <p:spPr bwMode="auto">
            <a:xfrm>
              <a:off x="2484" y="2606"/>
              <a:ext cx="298" cy="124"/>
            </a:xfrm>
            <a:custGeom>
              <a:avLst/>
              <a:gdLst>
                <a:gd fmla="*/ 1270 w 1279" name="T0"/>
                <a:gd fmla="*/ 433 h 530" name="T1"/>
                <a:gd fmla="*/ 1270 w 1279" name="T2"/>
                <a:gd fmla="*/ 433 h 530" name="T3"/>
                <a:gd fmla="*/ 1006 w 1279" name="T4"/>
                <a:gd fmla="*/ 102 h 530" name="T5"/>
                <a:gd fmla="*/ 767 w 1279" name="T6"/>
                <a:gd fmla="*/ 0 h 530" name="T7"/>
                <a:gd fmla="*/ 639 w 1279" name="T8"/>
                <a:gd fmla="*/ 0 h 530" name="T9"/>
                <a:gd fmla="*/ 511 w 1279" name="T10"/>
                <a:gd fmla="*/ 0 h 530" name="T11"/>
                <a:gd fmla="*/ 273 w 1279" name="T12"/>
                <a:gd fmla="*/ 102 h 530" name="T13"/>
                <a:gd fmla="*/ 8 w 1279" name="T14"/>
                <a:gd fmla="*/ 433 h 530" name="T15"/>
                <a:gd fmla="*/ 52 w 1279" name="T16"/>
                <a:gd fmla="*/ 517 h 530" name="T17"/>
                <a:gd fmla="*/ 136 w 1279" name="T18"/>
                <a:gd fmla="*/ 482 h 530" name="T19"/>
                <a:gd fmla="*/ 392 w 1279" name="T20"/>
                <a:gd fmla="*/ 221 h 530" name="T21"/>
                <a:gd fmla="*/ 366 w 1279" name="T22"/>
                <a:gd fmla="*/ 407 h 530" name="T23"/>
                <a:gd fmla="*/ 639 w 1279" name="T24"/>
                <a:gd fmla="*/ 407 h 530" name="T25"/>
                <a:gd fmla="*/ 913 w 1279" name="T26"/>
                <a:gd fmla="*/ 407 h 530" name="T27"/>
                <a:gd fmla="*/ 886 w 1279" name="T28"/>
                <a:gd fmla="*/ 221 h 530" name="T29"/>
                <a:gd fmla="*/ 1142 w 1279" name="T30"/>
                <a:gd fmla="*/ 482 h 530" name="T31"/>
                <a:gd fmla="*/ 1226 w 1279" name="T32"/>
                <a:gd fmla="*/ 517 h 530" name="T33"/>
                <a:gd fmla="*/ 1270 w 1279" name="T34"/>
                <a:gd fmla="*/ 433 h 530" name="T3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Lst>
              <a:rect b="b" l="0" r="r" t="0"/>
              <a:pathLst>
                <a:path h="530" w="1279">
                  <a:moveTo>
                    <a:pt x="1270" y="433"/>
                  </a:moveTo>
                  <a:lnTo>
                    <a:pt x="1270" y="433"/>
                  </a:lnTo>
                  <a:cubicBezTo>
                    <a:pt x="1270" y="433"/>
                    <a:pt x="1271" y="292"/>
                    <a:pt x="1006" y="102"/>
                  </a:cubicBezTo>
                  <a:cubicBezTo>
                    <a:pt x="1006" y="102"/>
                    <a:pt x="895" y="0"/>
                    <a:pt x="767" y="0"/>
                  </a:cubicBezTo>
                  <a:lnTo>
                    <a:pt x="639" y="0"/>
                  </a:lnTo>
                  <a:lnTo>
                    <a:pt x="511" y="0"/>
                  </a:lnTo>
                  <a:cubicBezTo>
                    <a:pt x="383" y="0"/>
                    <a:pt x="273" y="102"/>
                    <a:pt x="273" y="102"/>
                  </a:cubicBezTo>
                  <a:cubicBezTo>
                    <a:pt x="8" y="292"/>
                    <a:pt x="8" y="433"/>
                    <a:pt x="8" y="433"/>
                  </a:cubicBezTo>
                  <a:cubicBezTo>
                    <a:pt x="8" y="433"/>
                    <a:pt x="0" y="504"/>
                    <a:pt x="52" y="517"/>
                  </a:cubicBezTo>
                  <a:cubicBezTo>
                    <a:pt x="105" y="530"/>
                    <a:pt x="136" y="482"/>
                    <a:pt x="136" y="482"/>
                  </a:cubicBezTo>
                  <a:cubicBezTo>
                    <a:pt x="229" y="296"/>
                    <a:pt x="392" y="221"/>
                    <a:pt x="392" y="221"/>
                  </a:cubicBezTo>
                  <a:cubicBezTo>
                    <a:pt x="357" y="265"/>
                    <a:pt x="366" y="407"/>
                    <a:pt x="366" y="407"/>
                  </a:cubicBezTo>
                  <a:lnTo>
                    <a:pt x="639" y="407"/>
                  </a:lnTo>
                  <a:lnTo>
                    <a:pt x="913" y="407"/>
                  </a:lnTo>
                  <a:cubicBezTo>
                    <a:pt x="913" y="407"/>
                    <a:pt x="922" y="265"/>
                    <a:pt x="886" y="221"/>
                  </a:cubicBezTo>
                  <a:cubicBezTo>
                    <a:pt x="886" y="221"/>
                    <a:pt x="1050" y="296"/>
                    <a:pt x="1142" y="482"/>
                  </a:cubicBezTo>
                  <a:cubicBezTo>
                    <a:pt x="1142" y="482"/>
                    <a:pt x="1173" y="530"/>
                    <a:pt x="1226" y="517"/>
                  </a:cubicBezTo>
                  <a:cubicBezTo>
                    <a:pt x="1279" y="504"/>
                    <a:pt x="1270" y="433"/>
                    <a:pt x="1270" y="433"/>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14" name="Freeform 7">
              <a:extLst>
                <a:ext uri="{FF2B5EF4-FFF2-40B4-BE49-F238E27FC236}">
                  <a16:creationId xmlns:a16="http://schemas.microsoft.com/office/drawing/2014/main" id="{DE96163D-B7BA-0EEA-8DBA-A8A41B3D79C9}"/>
                </a:ext>
              </a:extLst>
            </p:cNvPr>
            <p:cNvSpPr>
              <a:spLocks/>
            </p:cNvSpPr>
            <p:nvPr/>
          </p:nvSpPr>
          <p:spPr bwMode="auto">
            <a:xfrm>
              <a:off x="2568" y="2464"/>
              <a:ext cx="130" cy="129"/>
            </a:xfrm>
            <a:custGeom>
              <a:avLst/>
              <a:gdLst>
                <a:gd fmla="*/ 556 w 556" name="T0"/>
                <a:gd fmla="*/ 278 h 556" name="T1"/>
                <a:gd fmla="*/ 556 w 556" name="T2"/>
                <a:gd fmla="*/ 278 h 556" name="T3"/>
                <a:gd fmla="*/ 278 w 556" name="T4"/>
                <a:gd fmla="*/ 556 h 556" name="T5"/>
                <a:gd fmla="*/ 0 w 556" name="T6"/>
                <a:gd fmla="*/ 278 h 556" name="T7"/>
                <a:gd fmla="*/ 278 w 556" name="T8"/>
                <a:gd fmla="*/ 0 h 556" name="T9"/>
                <a:gd fmla="*/ 556 w 556" name="T10"/>
                <a:gd fmla="*/ 278 h 556" name="T11"/>
              </a:gdLst>
              <a:ahLst/>
              <a:cxnLst>
                <a:cxn ang="0">
                  <a:pos x="T0" y="T1"/>
                </a:cxn>
                <a:cxn ang="0">
                  <a:pos x="T2" y="T3"/>
                </a:cxn>
                <a:cxn ang="0">
                  <a:pos x="T4" y="T5"/>
                </a:cxn>
                <a:cxn ang="0">
                  <a:pos x="T6" y="T7"/>
                </a:cxn>
                <a:cxn ang="0">
                  <a:pos x="T8" y="T9"/>
                </a:cxn>
                <a:cxn ang="0">
                  <a:pos x="T10" y="T11"/>
                </a:cxn>
              </a:cxnLst>
              <a:rect b="b" l="0" r="r" t="0"/>
              <a:pathLst>
                <a:path h="556" w="556">
                  <a:moveTo>
                    <a:pt x="556" y="278"/>
                  </a:moveTo>
                  <a:lnTo>
                    <a:pt x="556" y="278"/>
                  </a:lnTo>
                  <a:cubicBezTo>
                    <a:pt x="556" y="431"/>
                    <a:pt x="432" y="556"/>
                    <a:pt x="278" y="556"/>
                  </a:cubicBezTo>
                  <a:cubicBezTo>
                    <a:pt x="125" y="556"/>
                    <a:pt x="0" y="431"/>
                    <a:pt x="0" y="278"/>
                  </a:cubicBezTo>
                  <a:cubicBezTo>
                    <a:pt x="0" y="124"/>
                    <a:pt x="125" y="0"/>
                    <a:pt x="278" y="0"/>
                  </a:cubicBezTo>
                  <a:cubicBezTo>
                    <a:pt x="432" y="0"/>
                    <a:pt x="556" y="124"/>
                    <a:pt x="556" y="278"/>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15" name="Freeform 8">
              <a:extLst>
                <a:ext uri="{FF2B5EF4-FFF2-40B4-BE49-F238E27FC236}">
                  <a16:creationId xmlns:a16="http://schemas.microsoft.com/office/drawing/2014/main" id="{92FA67AB-5F2B-16F6-093A-79834A2286E2}"/>
                </a:ext>
              </a:extLst>
            </p:cNvPr>
            <p:cNvSpPr>
              <a:spLocks/>
            </p:cNvSpPr>
            <p:nvPr/>
          </p:nvSpPr>
          <p:spPr bwMode="auto">
            <a:xfrm>
              <a:off x="2910" y="2332"/>
              <a:ext cx="135" cy="136"/>
            </a:xfrm>
            <a:custGeom>
              <a:avLst/>
              <a:gdLst>
                <a:gd fmla="*/ 291 w 582" name="T0"/>
                <a:gd fmla="*/ 582 h 582" name="T1"/>
                <a:gd fmla="*/ 291 w 582" name="T2"/>
                <a:gd fmla="*/ 582 h 582" name="T3"/>
                <a:gd fmla="*/ 582 w 582" name="T4"/>
                <a:gd fmla="*/ 291 h 582" name="T5"/>
                <a:gd fmla="*/ 291 w 582" name="T6"/>
                <a:gd fmla="*/ 0 h 582" name="T7"/>
                <a:gd fmla="*/ 0 w 582" name="T8"/>
                <a:gd fmla="*/ 291 h 582" name="T9"/>
                <a:gd fmla="*/ 291 w 582" name="T10"/>
                <a:gd fmla="*/ 582 h 582" name="T11"/>
              </a:gdLst>
              <a:ahLst/>
              <a:cxnLst>
                <a:cxn ang="0">
                  <a:pos x="T0" y="T1"/>
                </a:cxn>
                <a:cxn ang="0">
                  <a:pos x="T2" y="T3"/>
                </a:cxn>
                <a:cxn ang="0">
                  <a:pos x="T4" y="T5"/>
                </a:cxn>
                <a:cxn ang="0">
                  <a:pos x="T6" y="T7"/>
                </a:cxn>
                <a:cxn ang="0">
                  <a:pos x="T8" y="T9"/>
                </a:cxn>
                <a:cxn ang="0">
                  <a:pos x="T10" y="T11"/>
                </a:cxn>
              </a:cxnLst>
              <a:rect b="b" l="0" r="r" t="0"/>
              <a:pathLst>
                <a:path h="582" w="582">
                  <a:moveTo>
                    <a:pt x="291" y="582"/>
                  </a:moveTo>
                  <a:lnTo>
                    <a:pt x="291" y="582"/>
                  </a:lnTo>
                  <a:cubicBezTo>
                    <a:pt x="452" y="582"/>
                    <a:pt x="582" y="452"/>
                    <a:pt x="582" y="291"/>
                  </a:cubicBezTo>
                  <a:cubicBezTo>
                    <a:pt x="582" y="130"/>
                    <a:pt x="452" y="0"/>
                    <a:pt x="291" y="0"/>
                  </a:cubicBezTo>
                  <a:cubicBezTo>
                    <a:pt x="130" y="0"/>
                    <a:pt x="0" y="130"/>
                    <a:pt x="0" y="291"/>
                  </a:cubicBezTo>
                  <a:cubicBezTo>
                    <a:pt x="0" y="452"/>
                    <a:pt x="130" y="582"/>
                    <a:pt x="291" y="582"/>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16" name="Freeform 9">
              <a:extLst>
                <a:ext uri="{FF2B5EF4-FFF2-40B4-BE49-F238E27FC236}">
                  <a16:creationId xmlns:a16="http://schemas.microsoft.com/office/drawing/2014/main" id="{5C63609E-7979-859D-FE4E-42AA26E80530}"/>
                </a:ext>
              </a:extLst>
            </p:cNvPr>
            <p:cNvSpPr>
              <a:spLocks/>
            </p:cNvSpPr>
            <p:nvPr/>
          </p:nvSpPr>
          <p:spPr bwMode="auto">
            <a:xfrm>
              <a:off x="2811" y="2482"/>
              <a:ext cx="332" cy="423"/>
            </a:xfrm>
            <a:custGeom>
              <a:avLst/>
              <a:gdLst>
                <a:gd fmla="*/ 905 w 1426" name="T0"/>
                <a:gd fmla="*/ 2 h 1814" name="T1"/>
                <a:gd fmla="*/ 905 w 1426" name="T2"/>
                <a:gd fmla="*/ 2 h 1814" name="T3"/>
                <a:gd fmla="*/ 884 w 1426" name="T4"/>
                <a:gd fmla="*/ 1 h 1814" name="T5"/>
                <a:gd fmla="*/ 880 w 1426" name="T6"/>
                <a:gd fmla="*/ 0 h 1814" name="T7"/>
                <a:gd fmla="*/ 713 w 1426" name="T8"/>
                <a:gd fmla="*/ 0 h 1814" name="T9"/>
                <a:gd fmla="*/ 546 w 1426" name="T10"/>
                <a:gd fmla="*/ 0 h 1814" name="T11"/>
                <a:gd fmla="*/ 542 w 1426" name="T12"/>
                <a:gd fmla="*/ 1 h 1814" name="T13"/>
                <a:gd fmla="*/ 521 w 1426" name="T14"/>
                <a:gd fmla="*/ 2 h 1814" name="T15"/>
                <a:gd fmla="*/ 8 w 1426" name="T16"/>
                <a:gd fmla="*/ 797 h 1814" name="T17"/>
                <a:gd fmla="*/ 97 w 1426" name="T18"/>
                <a:gd fmla="*/ 914 h 1814" name="T19"/>
                <a:gd fmla="*/ 111 w 1426" name="T20"/>
                <a:gd fmla="*/ 915 h 1814" name="T21"/>
                <a:gd fmla="*/ 214 w 1426" name="T22"/>
                <a:gd fmla="*/ 825 h 1814" name="T23"/>
                <a:gd fmla="*/ 378 w 1426" name="T24"/>
                <a:gd fmla="*/ 340 h 1814" name="T25"/>
                <a:gd fmla="*/ 378 w 1426" name="T26"/>
                <a:gd fmla="*/ 1056 h 1814" name="T27"/>
                <a:gd fmla="*/ 378 w 1426" name="T28"/>
                <a:gd fmla="*/ 1681 h 1814" name="T29"/>
                <a:gd fmla="*/ 512 w 1426" name="T30"/>
                <a:gd fmla="*/ 1814 h 1814" name="T31"/>
                <a:gd fmla="*/ 646 w 1426" name="T32"/>
                <a:gd fmla="*/ 1681 h 1814" name="T33"/>
                <a:gd fmla="*/ 646 w 1426" name="T34"/>
                <a:gd fmla="*/ 1056 h 1814" name="T35"/>
                <a:gd fmla="*/ 713 w 1426" name="T36"/>
                <a:gd fmla="*/ 1056 h 1814" name="T37"/>
                <a:gd fmla="*/ 780 w 1426" name="T38"/>
                <a:gd fmla="*/ 1056 h 1814" name="T39"/>
                <a:gd fmla="*/ 780 w 1426" name="T40"/>
                <a:gd fmla="*/ 1681 h 1814" name="T41"/>
                <a:gd fmla="*/ 914 w 1426" name="T42"/>
                <a:gd fmla="*/ 1814 h 1814" name="T43"/>
                <a:gd fmla="*/ 1047 w 1426" name="T44"/>
                <a:gd fmla="*/ 1681 h 1814" name="T45"/>
                <a:gd fmla="*/ 1047 w 1426" name="T46"/>
                <a:gd fmla="*/ 1056 h 1814" name="T47"/>
                <a:gd fmla="*/ 1047 w 1426" name="T48"/>
                <a:gd fmla="*/ 1056 h 1814" name="T49"/>
                <a:gd fmla="*/ 1047 w 1426" name="T50"/>
                <a:gd fmla="*/ 340 h 1814" name="T51"/>
                <a:gd fmla="*/ 1212 w 1426" name="T52"/>
                <a:gd fmla="*/ 825 h 1814" name="T53"/>
                <a:gd fmla="*/ 1315 w 1426" name="T54"/>
                <a:gd fmla="*/ 915 h 1814" name="T55"/>
                <a:gd fmla="*/ 1329 w 1426" name="T56"/>
                <a:gd fmla="*/ 914 h 1814" name="T57"/>
                <a:gd fmla="*/ 1418 w 1426" name="T58"/>
                <a:gd fmla="*/ 797 h 1814" name="T59"/>
                <a:gd fmla="*/ 905 w 1426" name="T60"/>
                <a:gd fmla="*/ 2 h 1814" name="T6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Lst>
              <a:rect b="b" l="0" r="r" t="0"/>
              <a:pathLst>
                <a:path h="1814" w="1426">
                  <a:moveTo>
                    <a:pt x="905" y="2"/>
                  </a:moveTo>
                  <a:lnTo>
                    <a:pt x="905" y="2"/>
                  </a:lnTo>
                  <a:cubicBezTo>
                    <a:pt x="898" y="1"/>
                    <a:pt x="891" y="1"/>
                    <a:pt x="884" y="1"/>
                  </a:cubicBezTo>
                  <a:lnTo>
                    <a:pt x="880" y="0"/>
                  </a:lnTo>
                  <a:lnTo>
                    <a:pt x="713" y="0"/>
                  </a:lnTo>
                  <a:lnTo>
                    <a:pt x="546" y="0"/>
                  </a:lnTo>
                  <a:lnTo>
                    <a:pt x="542" y="1"/>
                  </a:lnTo>
                  <a:cubicBezTo>
                    <a:pt x="535" y="1"/>
                    <a:pt x="528" y="1"/>
                    <a:pt x="521" y="2"/>
                  </a:cubicBezTo>
                  <a:cubicBezTo>
                    <a:pt x="119" y="55"/>
                    <a:pt x="18" y="721"/>
                    <a:pt x="8" y="797"/>
                  </a:cubicBezTo>
                  <a:cubicBezTo>
                    <a:pt x="0" y="854"/>
                    <a:pt x="40" y="906"/>
                    <a:pt x="97" y="914"/>
                  </a:cubicBezTo>
                  <a:cubicBezTo>
                    <a:pt x="102" y="915"/>
                    <a:pt x="106" y="915"/>
                    <a:pt x="111" y="915"/>
                  </a:cubicBezTo>
                  <a:cubicBezTo>
                    <a:pt x="162" y="915"/>
                    <a:pt x="207" y="877"/>
                    <a:pt x="214" y="825"/>
                  </a:cubicBezTo>
                  <a:cubicBezTo>
                    <a:pt x="228" y="723"/>
                    <a:pt x="281" y="489"/>
                    <a:pt x="378" y="340"/>
                  </a:cubicBezTo>
                  <a:lnTo>
                    <a:pt x="378" y="1056"/>
                  </a:lnTo>
                  <a:lnTo>
                    <a:pt x="378" y="1681"/>
                  </a:lnTo>
                  <a:cubicBezTo>
                    <a:pt x="378" y="1755"/>
                    <a:pt x="438" y="1814"/>
                    <a:pt x="512" y="1814"/>
                  </a:cubicBezTo>
                  <a:cubicBezTo>
                    <a:pt x="586" y="1814"/>
                    <a:pt x="646" y="1755"/>
                    <a:pt x="646" y="1681"/>
                  </a:cubicBezTo>
                  <a:lnTo>
                    <a:pt x="646" y="1056"/>
                  </a:lnTo>
                  <a:lnTo>
                    <a:pt x="713" y="1056"/>
                  </a:lnTo>
                  <a:lnTo>
                    <a:pt x="780" y="1056"/>
                  </a:lnTo>
                  <a:lnTo>
                    <a:pt x="780" y="1681"/>
                  </a:lnTo>
                  <a:cubicBezTo>
                    <a:pt x="780" y="1755"/>
                    <a:pt x="840" y="1814"/>
                    <a:pt x="914" y="1814"/>
                  </a:cubicBezTo>
                  <a:cubicBezTo>
                    <a:pt x="987" y="1814"/>
                    <a:pt x="1047" y="1755"/>
                    <a:pt x="1047" y="1681"/>
                  </a:cubicBezTo>
                  <a:lnTo>
                    <a:pt x="1047" y="1056"/>
                  </a:lnTo>
                  <a:lnTo>
                    <a:pt x="1047" y="1056"/>
                  </a:lnTo>
                  <a:lnTo>
                    <a:pt x="1047" y="340"/>
                  </a:lnTo>
                  <a:cubicBezTo>
                    <a:pt x="1145" y="489"/>
                    <a:pt x="1198" y="723"/>
                    <a:pt x="1212" y="825"/>
                  </a:cubicBezTo>
                  <a:cubicBezTo>
                    <a:pt x="1219" y="877"/>
                    <a:pt x="1264" y="915"/>
                    <a:pt x="1315" y="915"/>
                  </a:cubicBezTo>
                  <a:cubicBezTo>
                    <a:pt x="1319" y="915"/>
                    <a:pt x="1324" y="915"/>
                    <a:pt x="1329" y="914"/>
                  </a:cubicBezTo>
                  <a:cubicBezTo>
                    <a:pt x="1386" y="907"/>
                    <a:pt x="1426" y="854"/>
                    <a:pt x="1418" y="797"/>
                  </a:cubicBezTo>
                  <a:cubicBezTo>
                    <a:pt x="1408" y="721"/>
                    <a:pt x="1307" y="55"/>
                    <a:pt x="905" y="2"/>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17" name="Freeform 10">
              <a:extLst>
                <a:ext uri="{FF2B5EF4-FFF2-40B4-BE49-F238E27FC236}">
                  <a16:creationId xmlns:a16="http://schemas.microsoft.com/office/drawing/2014/main" id="{2710D1B3-0082-4004-539D-21ABC5EF7E1C}"/>
                </a:ext>
              </a:extLst>
            </p:cNvPr>
            <p:cNvSpPr>
              <a:spLocks/>
            </p:cNvSpPr>
            <p:nvPr/>
          </p:nvSpPr>
          <p:spPr bwMode="auto">
            <a:xfrm>
              <a:off x="3242" y="2160"/>
              <a:ext cx="143" cy="142"/>
            </a:xfrm>
            <a:custGeom>
              <a:avLst/>
              <a:gdLst>
                <a:gd fmla="*/ 307 w 613" name="T0"/>
                <a:gd fmla="*/ 612 h 612" name="T1"/>
                <a:gd fmla="*/ 307 w 613" name="T2"/>
                <a:gd fmla="*/ 612 h 612" name="T3"/>
                <a:gd fmla="*/ 613 w 613" name="T4"/>
                <a:gd fmla="*/ 306 h 612" name="T5"/>
                <a:gd fmla="*/ 307 w 613" name="T6"/>
                <a:gd fmla="*/ 0 h 612" name="T7"/>
                <a:gd fmla="*/ 0 w 613" name="T8"/>
                <a:gd fmla="*/ 306 h 612" name="T9"/>
                <a:gd fmla="*/ 307 w 613" name="T10"/>
                <a:gd fmla="*/ 612 h 612" name="T11"/>
              </a:gdLst>
              <a:ahLst/>
              <a:cxnLst>
                <a:cxn ang="0">
                  <a:pos x="T0" y="T1"/>
                </a:cxn>
                <a:cxn ang="0">
                  <a:pos x="T2" y="T3"/>
                </a:cxn>
                <a:cxn ang="0">
                  <a:pos x="T4" y="T5"/>
                </a:cxn>
                <a:cxn ang="0">
                  <a:pos x="T6" y="T7"/>
                </a:cxn>
                <a:cxn ang="0">
                  <a:pos x="T8" y="T9"/>
                </a:cxn>
                <a:cxn ang="0">
                  <a:pos x="T10" y="T11"/>
                </a:cxn>
              </a:cxnLst>
              <a:rect b="b" l="0" r="r" t="0"/>
              <a:pathLst>
                <a:path h="612" w="613">
                  <a:moveTo>
                    <a:pt x="307" y="612"/>
                  </a:moveTo>
                  <a:lnTo>
                    <a:pt x="307" y="612"/>
                  </a:lnTo>
                  <a:cubicBezTo>
                    <a:pt x="476" y="612"/>
                    <a:pt x="613" y="475"/>
                    <a:pt x="613" y="306"/>
                  </a:cubicBezTo>
                  <a:cubicBezTo>
                    <a:pt x="613" y="136"/>
                    <a:pt x="476" y="0"/>
                    <a:pt x="307" y="0"/>
                  </a:cubicBezTo>
                  <a:cubicBezTo>
                    <a:pt x="137" y="0"/>
                    <a:pt x="0" y="136"/>
                    <a:pt x="0" y="306"/>
                  </a:cubicBezTo>
                  <a:cubicBezTo>
                    <a:pt x="0" y="475"/>
                    <a:pt x="137" y="612"/>
                    <a:pt x="307" y="612"/>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18" name="Freeform 11">
              <a:extLst>
                <a:ext uri="{FF2B5EF4-FFF2-40B4-BE49-F238E27FC236}">
                  <a16:creationId xmlns:a16="http://schemas.microsoft.com/office/drawing/2014/main" id="{B159BC40-91B3-8E5C-6A9D-6BA320DB56D6}"/>
                </a:ext>
              </a:extLst>
            </p:cNvPr>
            <p:cNvSpPr>
              <a:spLocks/>
            </p:cNvSpPr>
            <p:nvPr/>
          </p:nvSpPr>
          <p:spPr bwMode="auto">
            <a:xfrm>
              <a:off x="3171" y="2317"/>
              <a:ext cx="284" cy="587"/>
            </a:xfrm>
            <a:custGeom>
              <a:avLst/>
              <a:gdLst>
                <a:gd fmla="*/ 861 w 1219" name="T0"/>
                <a:gd fmla="*/ 0 h 2515" name="T1"/>
                <a:gd fmla="*/ 861 w 1219" name="T2"/>
                <a:gd fmla="*/ 0 h 2515" name="T3"/>
                <a:gd fmla="*/ 358 w 1219" name="T4"/>
                <a:gd fmla="*/ 0 h 2515" name="T5"/>
                <a:gd fmla="*/ 0 w 1219" name="T6"/>
                <a:gd fmla="*/ 358 h 2515" name="T7"/>
                <a:gd fmla="*/ 0 w 1219" name="T8"/>
                <a:gd fmla="*/ 1170 h 2515" name="T9"/>
                <a:gd fmla="*/ 110 w 1219" name="T10"/>
                <a:gd fmla="*/ 1280 h 2515" name="T11"/>
                <a:gd fmla="*/ 220 w 1219" name="T12"/>
                <a:gd fmla="*/ 1170 h 2515" name="T13"/>
                <a:gd fmla="*/ 220 w 1219" name="T14"/>
                <a:gd fmla="*/ 358 h 2515" name="T15"/>
                <a:gd fmla="*/ 275 w 1219" name="T16"/>
                <a:gd fmla="*/ 249 h 2515" name="T17"/>
                <a:gd fmla="*/ 275 w 1219" name="T18"/>
                <a:gd fmla="*/ 2392 h 2515" name="T19"/>
                <a:gd fmla="*/ 399 w 1219" name="T20"/>
                <a:gd fmla="*/ 2515 h 2515" name="T21"/>
                <a:gd fmla="*/ 523 w 1219" name="T22"/>
                <a:gd fmla="*/ 2392 h 2515" name="T23"/>
                <a:gd fmla="*/ 523 w 1219" name="T24"/>
                <a:gd fmla="*/ 1356 h 2515" name="T25"/>
                <a:gd fmla="*/ 685 w 1219" name="T26"/>
                <a:gd fmla="*/ 1356 h 2515" name="T27"/>
                <a:gd fmla="*/ 685 w 1219" name="T28"/>
                <a:gd fmla="*/ 2392 h 2515" name="T29"/>
                <a:gd fmla="*/ 809 w 1219" name="T30"/>
                <a:gd fmla="*/ 2515 h 2515" name="T31"/>
                <a:gd fmla="*/ 933 w 1219" name="T32"/>
                <a:gd fmla="*/ 2392 h 2515" name="T33"/>
                <a:gd fmla="*/ 933 w 1219" name="T34"/>
                <a:gd fmla="*/ 241 h 2515" name="T35"/>
                <a:gd fmla="*/ 999 w 1219" name="T36"/>
                <a:gd fmla="*/ 358 h 2515" name="T37"/>
                <a:gd fmla="*/ 999 w 1219" name="T38"/>
                <a:gd fmla="*/ 1170 h 2515" name="T39"/>
                <a:gd fmla="*/ 1109 w 1219" name="T40"/>
                <a:gd fmla="*/ 1280 h 2515" name="T41"/>
                <a:gd fmla="*/ 1219 w 1219" name="T42"/>
                <a:gd fmla="*/ 1170 h 2515" name="T43"/>
                <a:gd fmla="*/ 1219 w 1219" name="T44"/>
                <a:gd fmla="*/ 358 h 2515" name="T45"/>
                <a:gd fmla="*/ 861 w 1219" name="T46"/>
                <a:gd fmla="*/ 0 h 2515" name="T4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Lst>
              <a:rect b="b" l="0" r="r" t="0"/>
              <a:pathLst>
                <a:path h="2515" w="1219">
                  <a:moveTo>
                    <a:pt x="861" y="0"/>
                  </a:moveTo>
                  <a:lnTo>
                    <a:pt x="861" y="0"/>
                  </a:lnTo>
                  <a:lnTo>
                    <a:pt x="358" y="0"/>
                  </a:lnTo>
                  <a:cubicBezTo>
                    <a:pt x="160" y="0"/>
                    <a:pt x="0" y="161"/>
                    <a:pt x="0" y="358"/>
                  </a:cubicBezTo>
                  <a:lnTo>
                    <a:pt x="0" y="1170"/>
                  </a:lnTo>
                  <a:cubicBezTo>
                    <a:pt x="0" y="1231"/>
                    <a:pt x="49" y="1280"/>
                    <a:pt x="110" y="1280"/>
                  </a:cubicBezTo>
                  <a:cubicBezTo>
                    <a:pt x="171" y="1280"/>
                    <a:pt x="220" y="1231"/>
                    <a:pt x="220" y="1170"/>
                  </a:cubicBezTo>
                  <a:lnTo>
                    <a:pt x="220" y="358"/>
                  </a:lnTo>
                  <a:cubicBezTo>
                    <a:pt x="220" y="313"/>
                    <a:pt x="242" y="274"/>
                    <a:pt x="275" y="249"/>
                  </a:cubicBezTo>
                  <a:lnTo>
                    <a:pt x="275" y="2392"/>
                  </a:lnTo>
                  <a:cubicBezTo>
                    <a:pt x="275" y="2460"/>
                    <a:pt x="331" y="2515"/>
                    <a:pt x="399" y="2515"/>
                  </a:cubicBezTo>
                  <a:cubicBezTo>
                    <a:pt x="467" y="2515"/>
                    <a:pt x="523" y="2460"/>
                    <a:pt x="523" y="2392"/>
                  </a:cubicBezTo>
                  <a:lnTo>
                    <a:pt x="523" y="1356"/>
                  </a:lnTo>
                  <a:lnTo>
                    <a:pt x="685" y="1356"/>
                  </a:lnTo>
                  <a:lnTo>
                    <a:pt x="685" y="2392"/>
                  </a:lnTo>
                  <a:cubicBezTo>
                    <a:pt x="685" y="2460"/>
                    <a:pt x="740" y="2515"/>
                    <a:pt x="809" y="2515"/>
                  </a:cubicBezTo>
                  <a:cubicBezTo>
                    <a:pt x="877" y="2515"/>
                    <a:pt x="933" y="2460"/>
                    <a:pt x="933" y="2392"/>
                  </a:cubicBezTo>
                  <a:lnTo>
                    <a:pt x="933" y="241"/>
                  </a:lnTo>
                  <a:cubicBezTo>
                    <a:pt x="972" y="265"/>
                    <a:pt x="999" y="308"/>
                    <a:pt x="999" y="358"/>
                  </a:cubicBezTo>
                  <a:lnTo>
                    <a:pt x="999" y="1170"/>
                  </a:lnTo>
                  <a:cubicBezTo>
                    <a:pt x="999" y="1231"/>
                    <a:pt x="1048" y="1280"/>
                    <a:pt x="1109" y="1280"/>
                  </a:cubicBezTo>
                  <a:cubicBezTo>
                    <a:pt x="1170" y="1280"/>
                    <a:pt x="1219" y="1231"/>
                    <a:pt x="1219" y="1170"/>
                  </a:cubicBezTo>
                  <a:lnTo>
                    <a:pt x="1219" y="358"/>
                  </a:lnTo>
                  <a:cubicBezTo>
                    <a:pt x="1219" y="161"/>
                    <a:pt x="1059" y="0"/>
                    <a:pt x="861" y="0"/>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grpSp>
      <p:grpSp>
        <p:nvGrpSpPr>
          <p:cNvPr id="19" name="Group 14">
            <a:extLst>
              <a:ext uri="{FF2B5EF4-FFF2-40B4-BE49-F238E27FC236}">
                <a16:creationId xmlns:a16="http://schemas.microsoft.com/office/drawing/2014/main" id="{AEB91739-04DB-DB93-E1CA-B23887EE511F}"/>
              </a:ext>
            </a:extLst>
          </p:cNvPr>
          <p:cNvGrpSpPr>
            <a:grpSpLocks noChangeAspect="1"/>
          </p:cNvGrpSpPr>
          <p:nvPr/>
        </p:nvGrpSpPr>
        <p:grpSpPr bwMode="auto">
          <a:xfrm>
            <a:off x="4178994" y="3124204"/>
            <a:ext cx="1097259" cy="645263"/>
            <a:chOff x="4228" y="2221"/>
            <a:chExt cx="1056" cy="621"/>
          </a:xfrm>
        </p:grpSpPr>
        <p:sp>
          <p:nvSpPr>
            <p:cNvPr id="20" name="AutoShape 13">
              <a:extLst>
                <a:ext uri="{FF2B5EF4-FFF2-40B4-BE49-F238E27FC236}">
                  <a16:creationId xmlns:a16="http://schemas.microsoft.com/office/drawing/2014/main" id="{D0A14D80-D134-5D6E-11E7-F6E894A45AC0}"/>
                </a:ext>
              </a:extLst>
            </p:cNvPr>
            <p:cNvSpPr>
              <a:spLocks noChangeArrowheads="1" noChangeAspect="1" noTextEdit="1"/>
            </p:cNvSpPr>
            <p:nvPr/>
          </p:nvSpPr>
          <p:spPr bwMode="auto">
            <a:xfrm>
              <a:off x="4228" y="2221"/>
              <a:ext cx="1056" cy="62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t" anchorCtr="0" bIns="45720" compatLnSpc="1" lIns="91440" numCol="1" rIns="91440" tIns="45720" vert="horz" wrap="square">
              <a:prstTxWarp prst="textNoShape">
                <a:avLst/>
              </a:prstTxWarp>
            </a:bodyPr>
            <a:lstStyle/>
            <a:p>
              <a:endParaRPr lang="en-US"/>
            </a:p>
          </p:txBody>
        </p:sp>
        <p:sp>
          <p:nvSpPr>
            <p:cNvPr id="21" name="Freeform 15">
              <a:extLst>
                <a:ext uri="{FF2B5EF4-FFF2-40B4-BE49-F238E27FC236}">
                  <a16:creationId xmlns:a16="http://schemas.microsoft.com/office/drawing/2014/main" id="{F4EB6F01-BBC1-CD88-45F0-2015DC269458}"/>
                </a:ext>
              </a:extLst>
            </p:cNvPr>
            <p:cNvSpPr>
              <a:spLocks noEditPoints="1"/>
            </p:cNvSpPr>
            <p:nvPr/>
          </p:nvSpPr>
          <p:spPr bwMode="auto">
            <a:xfrm>
              <a:off x="4228" y="2221"/>
              <a:ext cx="432" cy="622"/>
            </a:xfrm>
            <a:custGeom>
              <a:avLst/>
              <a:gdLst>
                <a:gd fmla="*/ 755 w 4186" name="T0"/>
                <a:gd fmla="*/ 2092 h 6011" name="T1"/>
                <a:gd fmla="*/ 755 w 4186" name="T2"/>
                <a:gd fmla="*/ 2092 h 6011" name="T3"/>
                <a:gd fmla="*/ 2093 w 4186" name="T4"/>
                <a:gd fmla="*/ 754 h 6011" name="T5"/>
                <a:gd fmla="*/ 3431 w 4186" name="T6"/>
                <a:gd fmla="*/ 2092 h 6011" name="T7"/>
                <a:gd fmla="*/ 2093 w 4186" name="T8"/>
                <a:gd fmla="*/ 3430 h 6011" name="T9"/>
                <a:gd fmla="*/ 755 w 4186" name="T10"/>
                <a:gd fmla="*/ 2092 h 6011" name="T11"/>
                <a:gd fmla="*/ 4186 w 4186" name="T12"/>
                <a:gd fmla="*/ 2092 h 6011" name="T13"/>
                <a:gd fmla="*/ 4186 w 4186" name="T14"/>
                <a:gd fmla="*/ 2092 h 6011" name="T15"/>
                <a:gd fmla="*/ 2093 w 4186" name="T16"/>
                <a:gd fmla="*/ 0 h 6011" name="T17"/>
                <a:gd fmla="*/ 0 w 4186" name="T18"/>
                <a:gd fmla="*/ 2092 h 6011" name="T19"/>
                <a:gd fmla="*/ 1724 w 4186" name="T20"/>
                <a:gd fmla="*/ 4153 h 6011" name="T21"/>
                <a:gd fmla="*/ 1724 w 4186" name="T22"/>
                <a:gd fmla="*/ 4561 h 6011" name="T23"/>
                <a:gd fmla="*/ 1011 w 4186" name="T24"/>
                <a:gd fmla="*/ 4561 h 6011" name="T25"/>
                <a:gd fmla="*/ 1011 w 4186" name="T26"/>
                <a:gd fmla="*/ 5298 h 6011" name="T27"/>
                <a:gd fmla="*/ 1724 w 4186" name="T28"/>
                <a:gd fmla="*/ 5298 h 6011" name="T29"/>
                <a:gd fmla="*/ 1724 w 4186" name="T30"/>
                <a:gd fmla="*/ 6011 h 6011" name="T31"/>
                <a:gd fmla="*/ 2461 w 4186" name="T32"/>
                <a:gd fmla="*/ 6011 h 6011" name="T33"/>
                <a:gd fmla="*/ 2461 w 4186" name="T34"/>
                <a:gd fmla="*/ 5298 h 6011" name="T35"/>
                <a:gd fmla="*/ 3174 w 4186" name="T36"/>
                <a:gd fmla="*/ 5298 h 6011" name="T37"/>
                <a:gd fmla="*/ 3174 w 4186" name="T38"/>
                <a:gd fmla="*/ 4561 h 6011" name="T39"/>
                <a:gd fmla="*/ 2461 w 4186" name="T40"/>
                <a:gd fmla="*/ 4561 h 6011" name="T41"/>
                <a:gd fmla="*/ 2461 w 4186" name="T42"/>
                <a:gd fmla="*/ 4153 h 6011" name="T43"/>
                <a:gd fmla="*/ 4186 w 4186" name="T44"/>
                <a:gd fmla="*/ 2092 h 6011" name="T4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b="b" l="0" r="r" t="0"/>
              <a:pathLst>
                <a:path h="6011" w="4186">
                  <a:moveTo>
                    <a:pt x="755" y="2092"/>
                  </a:moveTo>
                  <a:lnTo>
                    <a:pt x="755" y="2092"/>
                  </a:lnTo>
                  <a:cubicBezTo>
                    <a:pt x="755" y="1353"/>
                    <a:pt x="1354" y="754"/>
                    <a:pt x="2093" y="754"/>
                  </a:cubicBezTo>
                  <a:cubicBezTo>
                    <a:pt x="2832" y="754"/>
                    <a:pt x="3431" y="1353"/>
                    <a:pt x="3431" y="2092"/>
                  </a:cubicBezTo>
                  <a:cubicBezTo>
                    <a:pt x="3431" y="2831"/>
                    <a:pt x="2832" y="3430"/>
                    <a:pt x="2093" y="3430"/>
                  </a:cubicBezTo>
                  <a:cubicBezTo>
                    <a:pt x="1354" y="3430"/>
                    <a:pt x="755" y="2831"/>
                    <a:pt x="755" y="2092"/>
                  </a:cubicBezTo>
                  <a:close/>
                  <a:moveTo>
                    <a:pt x="4186" y="2092"/>
                  </a:moveTo>
                  <a:lnTo>
                    <a:pt x="4186" y="2092"/>
                  </a:lnTo>
                  <a:cubicBezTo>
                    <a:pt x="4186" y="936"/>
                    <a:pt x="3249" y="0"/>
                    <a:pt x="2093" y="0"/>
                  </a:cubicBezTo>
                  <a:cubicBezTo>
                    <a:pt x="937" y="0"/>
                    <a:pt x="0" y="936"/>
                    <a:pt x="0" y="2092"/>
                  </a:cubicBezTo>
                  <a:cubicBezTo>
                    <a:pt x="0" y="3122"/>
                    <a:pt x="744" y="3979"/>
                    <a:pt x="1724" y="4153"/>
                  </a:cubicBezTo>
                  <a:lnTo>
                    <a:pt x="1724" y="4561"/>
                  </a:lnTo>
                  <a:lnTo>
                    <a:pt x="1011" y="4561"/>
                  </a:lnTo>
                  <a:lnTo>
                    <a:pt x="1011" y="5298"/>
                  </a:lnTo>
                  <a:lnTo>
                    <a:pt x="1724" y="5298"/>
                  </a:lnTo>
                  <a:lnTo>
                    <a:pt x="1724" y="6011"/>
                  </a:lnTo>
                  <a:lnTo>
                    <a:pt x="2461" y="6011"/>
                  </a:lnTo>
                  <a:lnTo>
                    <a:pt x="2461" y="5298"/>
                  </a:lnTo>
                  <a:lnTo>
                    <a:pt x="3174" y="5298"/>
                  </a:lnTo>
                  <a:lnTo>
                    <a:pt x="3174" y="4561"/>
                  </a:lnTo>
                  <a:lnTo>
                    <a:pt x="2461" y="4561"/>
                  </a:lnTo>
                  <a:lnTo>
                    <a:pt x="2461" y="4153"/>
                  </a:lnTo>
                  <a:cubicBezTo>
                    <a:pt x="3442" y="3979"/>
                    <a:pt x="4186" y="3122"/>
                    <a:pt x="4186" y="2092"/>
                  </a:cubicBezTo>
                  <a:close/>
                </a:path>
              </a:pathLst>
            </a:custGeom>
            <a:solidFill>
              <a:srgbClr val="093371"/>
            </a:solidFill>
            <a:ln w="0">
              <a:solidFill>
                <a:schemeClr val="tx2"/>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sp>
          <p:nvSpPr>
            <p:cNvPr id="23" name="Freeform 16">
              <a:extLst>
                <a:ext uri="{FF2B5EF4-FFF2-40B4-BE49-F238E27FC236}">
                  <a16:creationId xmlns:a16="http://schemas.microsoft.com/office/drawing/2014/main" id="{52961DFD-1509-2FCD-99D4-A6BF2214D9C6}"/>
                </a:ext>
              </a:extLst>
            </p:cNvPr>
            <p:cNvSpPr>
              <a:spLocks noEditPoints="1"/>
            </p:cNvSpPr>
            <p:nvPr/>
          </p:nvSpPr>
          <p:spPr bwMode="auto">
            <a:xfrm>
              <a:off x="4735" y="2273"/>
              <a:ext cx="550" cy="551"/>
            </a:xfrm>
            <a:custGeom>
              <a:avLst/>
              <a:gdLst>
                <a:gd fmla="*/ 2093 w 5323" name="T0"/>
                <a:gd fmla="*/ 4567 h 5322" name="T1"/>
                <a:gd fmla="*/ 2093 w 5323" name="T2"/>
                <a:gd fmla="*/ 4567 h 5322" name="T3"/>
                <a:gd fmla="*/ 755 w 5323" name="T4"/>
                <a:gd fmla="*/ 3229 h 5322" name="T5"/>
                <a:gd fmla="*/ 2093 w 5323" name="T6"/>
                <a:gd fmla="*/ 1891 h 5322" name="T7"/>
                <a:gd fmla="*/ 3431 w 5323" name="T8"/>
                <a:gd fmla="*/ 3229 h 5322" name="T9"/>
                <a:gd fmla="*/ 2093 w 5323" name="T10"/>
                <a:gd fmla="*/ 4567 h 5322" name="T11"/>
                <a:gd fmla="*/ 4586 w 5323" name="T12"/>
                <a:gd fmla="*/ 0 h 5322" name="T13"/>
                <a:gd fmla="*/ 4586 w 5323" name="T14"/>
                <a:gd fmla="*/ 0 h 5322" name="T15"/>
                <a:gd fmla="*/ 3160 w 5323" name="T16"/>
                <a:gd fmla="*/ 0 h 5322" name="T17"/>
                <a:gd fmla="*/ 3160 w 5323" name="T18"/>
                <a:gd fmla="*/ 737 h 5322" name="T19"/>
                <a:gd fmla="*/ 4065 w 5323" name="T20"/>
                <a:gd fmla="*/ 737 h 5322" name="T21"/>
                <a:gd fmla="*/ 3290 w 5323" name="T22"/>
                <a:gd fmla="*/ 1512 h 5322" name="T23"/>
                <a:gd fmla="*/ 2093 w 5323" name="T24"/>
                <a:gd fmla="*/ 1135 h 5322" name="T25"/>
                <a:gd fmla="*/ 0 w 5323" name="T26"/>
                <a:gd fmla="*/ 3229 h 5322" name="T27"/>
                <a:gd fmla="*/ 2093 w 5323" name="T28"/>
                <a:gd fmla="*/ 5322 h 5322" name="T29"/>
                <a:gd fmla="*/ 4186 w 5323" name="T30"/>
                <a:gd fmla="*/ 3229 h 5322" name="T31"/>
                <a:gd fmla="*/ 3811 w 5323" name="T32"/>
                <a:gd fmla="*/ 2033 h 5322" name="T33"/>
                <a:gd fmla="*/ 4586 w 5323" name="T34"/>
                <a:gd fmla="*/ 1258 h 5322" name="T35"/>
                <a:gd fmla="*/ 4586 w 5323" name="T36"/>
                <a:gd fmla="*/ 2163 h 5322" name="T37"/>
                <a:gd fmla="*/ 5323 w 5323" name="T38"/>
                <a:gd fmla="*/ 2163 h 5322" name="T39"/>
                <a:gd fmla="*/ 5323 w 5323" name="T40"/>
                <a:gd fmla="*/ 737 h 5322" name="T41"/>
                <a:gd fmla="*/ 5323 w 5323" name="T42"/>
                <a:gd fmla="*/ 0 h 5322" name="T43"/>
                <a:gd fmla="*/ 4586 w 5323" name="T44"/>
                <a:gd fmla="*/ 0 h 5322" name="T4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b="b" l="0" r="r" t="0"/>
              <a:pathLst>
                <a:path h="5322" w="5323">
                  <a:moveTo>
                    <a:pt x="2093" y="4567"/>
                  </a:moveTo>
                  <a:lnTo>
                    <a:pt x="2093" y="4567"/>
                  </a:lnTo>
                  <a:cubicBezTo>
                    <a:pt x="1354" y="4567"/>
                    <a:pt x="755" y="3968"/>
                    <a:pt x="755" y="3229"/>
                  </a:cubicBezTo>
                  <a:cubicBezTo>
                    <a:pt x="755" y="2490"/>
                    <a:pt x="1354" y="1891"/>
                    <a:pt x="2093" y="1891"/>
                  </a:cubicBezTo>
                  <a:cubicBezTo>
                    <a:pt x="2832" y="1891"/>
                    <a:pt x="3431" y="2490"/>
                    <a:pt x="3431" y="3229"/>
                  </a:cubicBezTo>
                  <a:cubicBezTo>
                    <a:pt x="3431" y="3968"/>
                    <a:pt x="2832" y="4567"/>
                    <a:pt x="2093" y="4567"/>
                  </a:cubicBezTo>
                  <a:close/>
                  <a:moveTo>
                    <a:pt x="4586" y="0"/>
                  </a:moveTo>
                  <a:lnTo>
                    <a:pt x="4586" y="0"/>
                  </a:lnTo>
                  <a:lnTo>
                    <a:pt x="3160" y="0"/>
                  </a:lnTo>
                  <a:lnTo>
                    <a:pt x="3160" y="737"/>
                  </a:lnTo>
                  <a:lnTo>
                    <a:pt x="4065" y="737"/>
                  </a:lnTo>
                  <a:lnTo>
                    <a:pt x="3290" y="1512"/>
                  </a:lnTo>
                  <a:cubicBezTo>
                    <a:pt x="2951" y="1275"/>
                    <a:pt x="2538" y="1135"/>
                    <a:pt x="2093" y="1135"/>
                  </a:cubicBezTo>
                  <a:cubicBezTo>
                    <a:pt x="937" y="1135"/>
                    <a:pt x="0" y="2073"/>
                    <a:pt x="0" y="3229"/>
                  </a:cubicBezTo>
                  <a:cubicBezTo>
                    <a:pt x="0" y="4385"/>
                    <a:pt x="937" y="5322"/>
                    <a:pt x="2093" y="5322"/>
                  </a:cubicBezTo>
                  <a:cubicBezTo>
                    <a:pt x="3249" y="5322"/>
                    <a:pt x="4186" y="4385"/>
                    <a:pt x="4186" y="3229"/>
                  </a:cubicBezTo>
                  <a:cubicBezTo>
                    <a:pt x="4186" y="2784"/>
                    <a:pt x="4048" y="2372"/>
                    <a:pt x="3811" y="2033"/>
                  </a:cubicBezTo>
                  <a:lnTo>
                    <a:pt x="4586" y="1258"/>
                  </a:lnTo>
                  <a:lnTo>
                    <a:pt x="4586" y="2163"/>
                  </a:lnTo>
                  <a:lnTo>
                    <a:pt x="5323" y="2163"/>
                  </a:lnTo>
                  <a:lnTo>
                    <a:pt x="5323" y="737"/>
                  </a:lnTo>
                  <a:lnTo>
                    <a:pt x="5323" y="0"/>
                  </a:lnTo>
                  <a:lnTo>
                    <a:pt x="4586" y="0"/>
                  </a:lnTo>
                  <a:close/>
                </a:path>
              </a:pathLst>
            </a:custGeom>
            <a:solidFill>
              <a:srgbClr val="2196F3"/>
            </a:solidFill>
            <a:ln w="0">
              <a:solidFill>
                <a:schemeClr val="accent1"/>
              </a:solidFill>
              <a:prstDash val="solid"/>
              <a:round/>
              <a:headEnd/>
              <a:tailEnd/>
            </a:ln>
          </p:spPr>
          <p:txBody>
            <a:bodyPr anchor="t" anchorCtr="0" bIns="45720" compatLnSpc="1" lIns="91440" numCol="1" rIns="91440" tIns="45720" vert="horz" wrap="square">
              <a:prstTxWarp prst="textNoShape">
                <a:avLst/>
              </a:prstTxWarp>
            </a:bodyPr>
            <a:lstStyle/>
            <a:p>
              <a:endParaRPr lang="en-US"/>
            </a:p>
          </p:txBody>
        </p:sp>
      </p:grpSp>
      <p:sp>
        <p:nvSpPr>
          <p:cNvPr id="24" name="Rectangle: Rounded Corners 17">
            <a:extLst>
              <a:ext uri="{FF2B5EF4-FFF2-40B4-BE49-F238E27FC236}">
                <a16:creationId xmlns:a16="http://schemas.microsoft.com/office/drawing/2014/main" id="{E1067BDA-9309-8CD0-441F-77F5B375114D}"/>
              </a:ext>
            </a:extLst>
          </p:cNvPr>
          <p:cNvSpPr/>
          <p:nvPr/>
        </p:nvSpPr>
        <p:spPr>
          <a:xfrm>
            <a:off x="2597896" y="1866900"/>
            <a:ext cx="2733339"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1bab9666300d15de1d9c4a17b9cf55f">
            <a:pPr algn="ctr">
              <a:buClr>
                <a:srgbClr val="008CCF"/>
              </a:buClr>
            </a:pPr>
            <a:r>
              <a:rPr lang="es-ES" sz="2400"/>
              <a:t>Ventilations</a:t>
            </a:r>
          </a:p>
        </p:txBody>
      </p:sp>
    </p:spTree>
    <p:custDataLst>
      <p:tags r:id="rId1"/>
    </p:custDataLst>
    <p:extLst>
      <p:ext uri="{BB962C8B-B14F-4D97-AF65-F5344CB8AC3E}">
        <p14:creationId xmlns:p14="http://schemas.microsoft.com/office/powerpoint/2010/main" val="1475137124"/>
      </p:ext>
    </p:extLst>
  </p:cSld>
  <p:clrMapOvr>
    <a:masterClrMapping/>
  </p:clrMapOvr>
  <mc:AlternateContent xmlns:mc="http://schemas.openxmlformats.org/markup-compatibility/2006" xmlns:p159="http://schemas.microsoft.com/office/powerpoint/2015/09/main">
    <mc:Choice Requires="p159">
      <p:transition advClick="0" advTm="6552" spd="slow">
        <p159:morph option="byObject"/>
      </p:transition>
    </mc:Choice>
    <mc:Fallback xmlns="">
      <p:transition advClick="0" advTm="65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4"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875E855C-6B63-0F2E-E521-1063E880F7F8}"/>
              </a:ext>
            </a:extLst>
          </p:cNvPr>
          <p:cNvSpPr/>
          <p:nvPr/>
        </p:nvSpPr>
        <p:spPr>
          <a:xfrm>
            <a:off x="1333500" y="1710047"/>
            <a:ext cx="8487394" cy="281445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NO"/>
          </a:p>
        </p:txBody>
      </p:sp>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ee040d9f050692bd1c12b6d0f8ffe42f">
            <a:r>
              <a:rPr dirty="0" lang="en-US"/>
              <a:t>Ventilations du RMNCAH</a:t>
            </a:r>
            <a:r>
              <a:rPr dirty="0" err="1" lang="en-US"/>
            </a:r>
            <a:r>
              <a:rPr dirty="0" lang="en-US"/>
              <a:t> </a:t>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pic>
        <p:nvPicPr>
          <p:cNvPr id="54" name="Picture 53">
            <a:extLst>
              <a:ext uri="{FF2B5EF4-FFF2-40B4-BE49-F238E27FC236}">
                <a16:creationId xmlns:a16="http://schemas.microsoft.com/office/drawing/2014/main" id="{D7D97ED7-1730-AED5-D3AD-08F233EFEAF9}"/>
              </a:ext>
            </a:extLst>
          </p:cNvPr>
          <p:cNvPicPr>
            <a:picLocks noAdjustHandles="1" noChangeArrowheads="1" noChangeAspect="1" noChangeShapeType="1" noCrop="1" noEditPoints="1" noGrp="1" noMove="1" noResize="1" noRot="1"/>
          </p:cNvPicPr>
          <p:nvPr/>
        </p:nvPicPr>
        <p:blipFill rotWithShape="1">
          <a:blip r:embed="rId12"/>
          <a:srcRect b="32055" l="596" r="-596" t="36416"/>
          <a:stretch/>
        </p:blipFill>
        <p:spPr>
          <a:xfrm>
            <a:off x="1589369" y="1779820"/>
            <a:ext cx="8590044" cy="1600049"/>
          </a:xfrm>
          <a:prstGeom prst="rect">
            <a:avLst/>
          </a:prstGeom>
        </p:spPr>
      </p:pic>
      <p:pic>
        <p:nvPicPr>
          <p:cNvPr id="5" name="Picture 4">
            <a:extLst>
              <a:ext uri="{FF2B5EF4-FFF2-40B4-BE49-F238E27FC236}">
                <a16:creationId xmlns:a16="http://schemas.microsoft.com/office/drawing/2014/main" id="{3B63C2B7-2EB6-7B1F-B680-A3132D1317BE}"/>
              </a:ext>
            </a:extLst>
          </p:cNvPr>
          <p:cNvPicPr>
            <a:picLocks noAdjustHandles="1" noChangeArrowheads="1" noChangeAspect="1" noChangeShapeType="1" noCrop="1" noEditPoints="1" noGrp="1" noMove="1" noResize="1" noRot="1"/>
          </p:cNvPicPr>
          <p:nvPr/>
        </p:nvPicPr>
        <p:blipFill>
          <a:blip r:embed="rId13"/>
          <a:stretch>
            <a:fillRect/>
          </a:stretch>
        </p:blipFill>
        <p:spPr>
          <a:xfrm>
            <a:off x="1416628" y="3283692"/>
            <a:ext cx="9093200" cy="1917700"/>
          </a:xfrm>
          <a:prstGeom prst="rect">
            <a:avLst/>
          </a:prstGeom>
        </p:spPr>
      </p:pic>
      <p:sp>
        <p:nvSpPr>
          <p:cNvPr id="9" name="TextBox 8">
            <a:extLst>
              <a:ext uri="{FF2B5EF4-FFF2-40B4-BE49-F238E27FC236}">
                <a16:creationId xmlns:a16="http://schemas.microsoft.com/office/drawing/2014/main" id="{06E52DD1-5268-0B2A-B46A-11DB488C09D2}"/>
              </a:ext>
            </a:extLst>
          </p:cNvPr>
          <p:cNvSpPr txBox="1"/>
          <p:nvPr/>
        </p:nvSpPr>
        <p:spPr>
          <a:xfrm>
            <a:off x="5603030" y="1356968"/>
            <a:ext cx="5002377" cy="461665"/>
          </a:xfrm>
          <a:prstGeom prst="rect">
            <a:avLst/>
          </a:prstGeom>
          <a:noFill/>
        </p:spPr>
        <p:txBody>
          <a:bodyPr rtlCol="0" wrap="square">
            <a:spAutoFit/>
          </a:bodyPr>
          <a:lstStyle/>
          <a:p txid="b699f526c753b3f96ff33656620a4a4a">
            <a:pPr algn="ctr">
              <a:buClr>
                <a:srgbClr val="008CCF"/>
              </a:buClr>
            </a:pPr>
            <a:r>
              <a:rPr dirty="0" lang="en-NO" sz="2400"/>
            </a:r>
            <a:r>
              <a:rPr lang="en-NO" sz="2400"/>
              <a:t>Groupes d'âge = options de catégorie</a:t>
            </a:r>
            <a:r>
              <a:rPr lang="es-ES" sz="2400"/>
              <a:t> </a:t>
            </a:r>
            <a:r>
              <a:rPr lang="en-NO" sz="2400"/>
            </a:r>
            <a:r>
              <a:rPr dirty="0" lang="en-NO" sz="2400"/>
            </a:r>
          </a:p>
        </p:txBody>
      </p:sp>
      <p:sp>
        <p:nvSpPr>
          <p:cNvPr id="69" name="Rectangle: Rounded Corners 28">
            <a:extLst>
              <a:ext uri="{FF2B5EF4-FFF2-40B4-BE49-F238E27FC236}">
                <a16:creationId xmlns:a16="http://schemas.microsoft.com/office/drawing/2014/main" id="{7687026E-472A-7A85-34FE-8876F33500CB}"/>
              </a:ext>
            </a:extLst>
          </p:cNvPr>
          <p:cNvSpPr/>
          <p:nvPr/>
        </p:nvSpPr>
        <p:spPr>
          <a:xfrm>
            <a:off x="5818863" y="3758747"/>
            <a:ext cx="3930778" cy="310685"/>
          </a:xfrm>
          <a:prstGeom prst="roundRect">
            <a:avLst>
              <a:gd fmla="val 8396" name="adj"/>
            </a:avLst>
          </a:prstGeom>
          <a:noFill/>
          <a:ln w="47625">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71" name="Rectangle: Rounded Corners 28">
            <a:extLst>
              <a:ext uri="{FF2B5EF4-FFF2-40B4-BE49-F238E27FC236}">
                <a16:creationId xmlns:a16="http://schemas.microsoft.com/office/drawing/2014/main" id="{845F3A19-CE66-16D6-1D5A-0B062D8F4469}"/>
              </a:ext>
            </a:extLst>
          </p:cNvPr>
          <p:cNvSpPr/>
          <p:nvPr/>
        </p:nvSpPr>
        <p:spPr>
          <a:xfrm>
            <a:off x="5818864" y="4087199"/>
            <a:ext cx="665064" cy="310685"/>
          </a:xfrm>
          <a:prstGeom prst="roundRect">
            <a:avLst>
              <a:gd fmla="val 8396" name="adj"/>
            </a:avLst>
          </a:prstGeom>
          <a:noFill/>
          <a:ln w="47625">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72" name="Rectangle: Rounded Corners 28">
            <a:extLst>
              <a:ext uri="{FF2B5EF4-FFF2-40B4-BE49-F238E27FC236}">
                <a16:creationId xmlns:a16="http://schemas.microsoft.com/office/drawing/2014/main" id="{995CAF82-6EC9-B7FE-6FBA-D3235497A1B9}"/>
              </a:ext>
            </a:extLst>
          </p:cNvPr>
          <p:cNvSpPr/>
          <p:nvPr/>
        </p:nvSpPr>
        <p:spPr>
          <a:xfrm>
            <a:off x="6483882" y="4086207"/>
            <a:ext cx="665064" cy="310685"/>
          </a:xfrm>
          <a:prstGeom prst="roundRect">
            <a:avLst>
              <a:gd fmla="val 8396" name="adj"/>
            </a:avLst>
          </a:prstGeom>
          <a:noFill/>
          <a:ln w="47625">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3" name="TextBox 12">
            <a:extLst>
              <a:ext uri="{FF2B5EF4-FFF2-40B4-BE49-F238E27FC236}">
                <a16:creationId xmlns:a16="http://schemas.microsoft.com/office/drawing/2014/main" id="{80231B5C-31B3-FE0E-AB96-5A382A8F7A9D}"/>
              </a:ext>
            </a:extLst>
          </p:cNvPr>
          <p:cNvSpPr txBox="1"/>
          <p:nvPr/>
        </p:nvSpPr>
        <p:spPr>
          <a:xfrm>
            <a:off x="5893976" y="4950751"/>
            <a:ext cx="3589444" cy="461665"/>
          </a:xfrm>
          <a:prstGeom prst="rect">
            <a:avLst/>
          </a:prstGeom>
          <a:noFill/>
        </p:spPr>
        <p:txBody>
          <a:bodyPr rtlCol="0" wrap="none">
            <a:spAutoFit/>
          </a:bodyPr>
          <a:lstStyle/>
          <a:p txid="26706774ca29bc232d9022da5f32119e">
            <a:pPr algn="ctr">
              <a:buClr>
                <a:srgbClr val="008CCF"/>
              </a:buClr>
            </a:pPr>
            <a:r>
              <a:rPr dirty="0" lang="en-NO" sz="2400"/>
              <a:t>Sexe = options de catégorie</a:t>
            </a:r>
          </a:p>
        </p:txBody>
      </p:sp>
      <p:pic>
        <p:nvPicPr>
          <p:cNvPr descr="Arrow: Slight curve with solid fill" id="23" name="Graphic 22">
            <a:extLst>
              <a:ext uri="{FF2B5EF4-FFF2-40B4-BE49-F238E27FC236}">
                <a16:creationId xmlns:a16="http://schemas.microsoft.com/office/drawing/2014/main" id="{C7706881-5A47-9B10-3B0B-F11A1C6D8075}"/>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552336" y="1486408"/>
            <a:ext cx="914400" cy="914400"/>
          </a:xfrm>
          <a:prstGeom prst="rect">
            <a:avLst/>
          </a:prstGeom>
        </p:spPr>
      </p:pic>
      <p:pic>
        <p:nvPicPr>
          <p:cNvPr descr="Arrow: Slight curve with solid fill" id="24" name="Graphic 23">
            <a:extLst>
              <a:ext uri="{FF2B5EF4-FFF2-40B4-BE49-F238E27FC236}">
                <a16:creationId xmlns:a16="http://schemas.microsoft.com/office/drawing/2014/main" id="{39A4D811-DEF2-AB62-3269-87BE6C07C9EF}"/>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590063" y="3036476"/>
            <a:ext cx="914400" cy="914400"/>
          </a:xfrm>
          <a:prstGeom prst="rect">
            <a:avLst/>
          </a:prstGeom>
        </p:spPr>
      </p:pic>
      <p:sp>
        <p:nvSpPr>
          <p:cNvPr id="25" name="Left Brace 24">
            <a:extLst>
              <a:ext uri="{FF2B5EF4-FFF2-40B4-BE49-F238E27FC236}">
                <a16:creationId xmlns:a16="http://schemas.microsoft.com/office/drawing/2014/main" id="{2297F3E5-E2B7-0170-BAE0-547FF887D542}"/>
              </a:ext>
            </a:extLst>
          </p:cNvPr>
          <p:cNvSpPr/>
          <p:nvPr/>
        </p:nvSpPr>
        <p:spPr>
          <a:xfrm flipV="1" rot="5400000">
            <a:off x="7910340" y="323874"/>
            <a:ext cx="379496" cy="3441616"/>
          </a:xfrm>
          <a:prstGeom prst="leftBrace">
            <a:avLst>
              <a:gd fmla="val 51152" name="adj1"/>
              <a:gd fmla="val 50000" name="adj2"/>
            </a:avLst>
          </a:prstGeom>
          <a:ln cap="rnd" w="31750">
            <a:solidFill>
              <a:schemeClr val="accent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29" name="Rectangle: Rounded Corners 28">
            <a:extLst>
              <a:ext uri="{FF2B5EF4-FFF2-40B4-BE49-F238E27FC236}">
                <a16:creationId xmlns:a16="http://schemas.microsoft.com/office/drawing/2014/main" id="{D8A94785-6400-1C1C-FC83-8FFAB2F553C9}"/>
              </a:ext>
            </a:extLst>
          </p:cNvPr>
          <p:cNvSpPr/>
          <p:nvPr/>
        </p:nvSpPr>
        <p:spPr>
          <a:xfrm>
            <a:off x="6379280" y="2197681"/>
            <a:ext cx="11518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0" name="Rectangle: Rounded Corners 29">
            <a:extLst>
              <a:ext uri="{FF2B5EF4-FFF2-40B4-BE49-F238E27FC236}">
                <a16:creationId xmlns:a16="http://schemas.microsoft.com/office/drawing/2014/main" id="{1A536AE8-E7ED-C44E-4B50-89B644927E1E}"/>
              </a:ext>
            </a:extLst>
          </p:cNvPr>
          <p:cNvSpPr/>
          <p:nvPr/>
        </p:nvSpPr>
        <p:spPr>
          <a:xfrm>
            <a:off x="7541777" y="2201223"/>
            <a:ext cx="11518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1" name="Rectangle: Rounded Corners 30">
            <a:extLst>
              <a:ext uri="{FF2B5EF4-FFF2-40B4-BE49-F238E27FC236}">
                <a16:creationId xmlns:a16="http://schemas.microsoft.com/office/drawing/2014/main" id="{406F6ECF-4B7D-2504-3D98-2C48B7623A1F}"/>
              </a:ext>
            </a:extLst>
          </p:cNvPr>
          <p:cNvSpPr/>
          <p:nvPr/>
        </p:nvSpPr>
        <p:spPr>
          <a:xfrm>
            <a:off x="8704273" y="2204761"/>
            <a:ext cx="11518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2" name="Left Brace 31">
            <a:extLst>
              <a:ext uri="{FF2B5EF4-FFF2-40B4-BE49-F238E27FC236}">
                <a16:creationId xmlns:a16="http://schemas.microsoft.com/office/drawing/2014/main" id="{40361750-AA23-6144-6F18-8ECC5F1B07C8}"/>
              </a:ext>
            </a:extLst>
          </p:cNvPr>
          <p:cNvSpPr/>
          <p:nvPr/>
        </p:nvSpPr>
        <p:spPr>
          <a:xfrm rot="16200000">
            <a:off x="7568202" y="2878475"/>
            <a:ext cx="379496" cy="3589444"/>
          </a:xfrm>
          <a:prstGeom prst="leftBrace">
            <a:avLst>
              <a:gd fmla="val 51152" name="adj1"/>
              <a:gd fmla="val 50000" name="adj2"/>
            </a:avLst>
          </a:prstGeom>
          <a:ln cap="rnd" w="31750">
            <a:solidFill>
              <a:schemeClr val="accent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70135824"/>
      </p:ext>
    </p:extLst>
  </p:cSld>
  <p:clrMapOvr>
    <a:masterClrMapping/>
  </p:clrMapOvr>
  <p:transition advClick="0" advTm="37816"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54"/>
                                        </p:tgtEl>
                                        <p:attrNameLst>
                                          <p:attrName>style.visibility</p:attrName>
                                        </p:attrNameLst>
                                      </p:cBhvr>
                                      <p:to>
                                        <p:strVal val="visible"/>
                                      </p:to>
                                    </p:set>
                                    <p:anim calcmode="lin" valueType="num">
                                      <p:cBhvr additive="base">
                                        <p:cTn dur="500" fill="hold" id="7"/>
                                        <p:tgtEl>
                                          <p:spTgt spid="54"/>
                                        </p:tgtEl>
                                        <p:attrNameLst>
                                          <p:attrName>ppt_x</p:attrName>
                                        </p:attrNameLst>
                                      </p:cBhvr>
                                      <p:tavLst>
                                        <p:tav tm="0">
                                          <p:val>
                                            <p:strVal val="#ppt_x"/>
                                          </p:val>
                                        </p:tav>
                                        <p:tav tm="100000">
                                          <p:val>
                                            <p:strVal val="#ppt_x"/>
                                          </p:val>
                                        </p:tav>
                                      </p:tavLst>
                                    </p:anim>
                                    <p:anim calcmode="lin" valueType="num">
                                      <p:cBhvr additive="base">
                                        <p:cTn dur="500" fill="hold" id="8"/>
                                        <p:tgtEl>
                                          <p:spTgt spid="54"/>
                                        </p:tgtEl>
                                        <p:attrNameLst>
                                          <p:attrName>ppt_y</p:attrName>
                                        </p:attrNameLst>
                                      </p:cBhvr>
                                      <p:tavLst>
                                        <p:tav tm="0">
                                          <p:val>
                                            <p:strVal val="1+#ppt_h/2"/>
                                          </p:val>
                                        </p:tav>
                                        <p:tav tm="100000">
                                          <p:val>
                                            <p:strVal val="#ppt_y"/>
                                          </p:val>
                                        </p:tav>
                                      </p:tavLst>
                                    </p:anim>
                                  </p:childTnLst>
                                </p:cTn>
                              </p:par>
                              <p:par>
                                <p:cTn fill="hold" id="9" nodeType="withEffect" presetClass="entr" presetID="2" presetSubtype="4">
                                  <p:stCondLst>
                                    <p:cond delay="0"/>
                                  </p:stCondLst>
                                  <p:childTnLst>
                                    <p:set>
                                      <p:cBhvr>
                                        <p:cTn dur="1" fill="hold" id="10">
                                          <p:stCondLst>
                                            <p:cond delay="0"/>
                                          </p:stCondLst>
                                        </p:cTn>
                                        <p:tgtEl>
                                          <p:spTgt spid="5"/>
                                        </p:tgtEl>
                                        <p:attrNameLst>
                                          <p:attrName>style.visibility</p:attrName>
                                        </p:attrNameLst>
                                      </p:cBhvr>
                                      <p:to>
                                        <p:strVal val="visible"/>
                                      </p:to>
                                    </p:set>
                                    <p:anim calcmode="lin" valueType="num">
                                      <p:cBhvr additive="base">
                                        <p:cTn dur="500" fill="hold" id="11"/>
                                        <p:tgtEl>
                                          <p:spTgt spid="5"/>
                                        </p:tgtEl>
                                        <p:attrNameLst>
                                          <p:attrName>ppt_x</p:attrName>
                                        </p:attrNameLst>
                                      </p:cBhvr>
                                      <p:tavLst>
                                        <p:tav tm="0">
                                          <p:val>
                                            <p:strVal val="#ppt_x"/>
                                          </p:val>
                                        </p:tav>
                                        <p:tav tm="100000">
                                          <p:val>
                                            <p:strVal val="#ppt_x"/>
                                          </p:val>
                                        </p:tav>
                                      </p:tavLst>
                                    </p:anim>
                                    <p:anim calcmode="lin" valueType="num">
                                      <p:cBhvr additive="base">
                                        <p:cTn dur="500" fill="hold" id="12"/>
                                        <p:tgtEl>
                                          <p:spTgt spid="5"/>
                                        </p:tgtEl>
                                        <p:attrNameLst>
                                          <p:attrName>ppt_y</p:attrName>
                                        </p:attrNameLst>
                                      </p:cBhvr>
                                      <p:tavLst>
                                        <p:tav tm="0">
                                          <p:val>
                                            <p:strVal val="1+#ppt_h/2"/>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3"/>
                                        </p:tgtEl>
                                        <p:attrNameLst>
                                          <p:attrName>style.visibility</p:attrName>
                                        </p:attrNameLst>
                                      </p:cBhvr>
                                      <p:to>
                                        <p:strVal val="visible"/>
                                      </p:to>
                                    </p:set>
                                    <p:animEffect filter="wipe(left)" transition="in">
                                      <p:cBhvr>
                                        <p:cTn dur="500" id="17"/>
                                        <p:tgtEl>
                                          <p:spTgt spid="23"/>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24"/>
                                        </p:tgtEl>
                                        <p:attrNameLst>
                                          <p:attrName>style.visibility</p:attrName>
                                        </p:attrNameLst>
                                      </p:cBhvr>
                                      <p:to>
                                        <p:strVal val="visible"/>
                                      </p:to>
                                    </p:set>
                                    <p:animEffect filter="wipe(left)" transition="in">
                                      <p:cBhvr>
                                        <p:cTn dur="500" id="22"/>
                                        <p:tgtEl>
                                          <p:spTgt spid="24"/>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22" presetSubtype="4">
                                  <p:stCondLst>
                                    <p:cond delay="0"/>
                                  </p:stCondLst>
                                  <p:childTnLst>
                                    <p:set>
                                      <p:cBhvr>
                                        <p:cTn dur="1" fill="hold" id="26">
                                          <p:stCondLst>
                                            <p:cond delay="0"/>
                                          </p:stCondLst>
                                        </p:cTn>
                                        <p:tgtEl>
                                          <p:spTgt spid="25"/>
                                        </p:tgtEl>
                                        <p:attrNameLst>
                                          <p:attrName>style.visibility</p:attrName>
                                        </p:attrNameLst>
                                      </p:cBhvr>
                                      <p:to>
                                        <p:strVal val="visible"/>
                                      </p:to>
                                    </p:set>
                                    <p:animEffect filter="wipe(down)" transition="in">
                                      <p:cBhvr>
                                        <p:cTn dur="500" id="27"/>
                                        <p:tgtEl>
                                          <p:spTgt spid="25"/>
                                        </p:tgtEl>
                                      </p:cBhvr>
                                    </p:animEffect>
                                  </p:childTnLst>
                                </p:cTn>
                              </p:par>
                            </p:childTnLst>
                          </p:cTn>
                        </p:par>
                        <p:par>
                          <p:cTn fill="hold" id="28">
                            <p:stCondLst>
                              <p:cond delay="500"/>
                            </p:stCondLst>
                            <p:childTnLst>
                              <p:par>
                                <p:cTn fill="hold" grpId="0" id="29" nodeType="afterEffect" presetClass="entr" presetID="10" presetSubtype="0">
                                  <p:stCondLst>
                                    <p:cond delay="0"/>
                                  </p:stCondLst>
                                  <p:childTnLst>
                                    <p:set>
                                      <p:cBhvr>
                                        <p:cTn dur="1" fill="hold" id="30">
                                          <p:stCondLst>
                                            <p:cond delay="0"/>
                                          </p:stCondLst>
                                        </p:cTn>
                                        <p:tgtEl>
                                          <p:spTgt spid="9"/>
                                        </p:tgtEl>
                                        <p:attrNameLst>
                                          <p:attrName>style.visibility</p:attrName>
                                        </p:attrNameLst>
                                      </p:cBhvr>
                                      <p:to>
                                        <p:strVal val="visible"/>
                                      </p:to>
                                    </p:set>
                                    <p:animEffect filter="fade" transition="in">
                                      <p:cBhvr>
                                        <p:cTn dur="500" id="31"/>
                                        <p:tgtEl>
                                          <p:spTgt spid="9"/>
                                        </p:tgtEl>
                                      </p:cBhvr>
                                    </p:animEffect>
                                  </p:childTnLst>
                                </p:cTn>
                              </p:par>
                              <p:par>
                                <p:cTn fill="hold" id="32" nodeType="withEffect" presetClass="exit" presetID="22" presetSubtype="8">
                                  <p:stCondLst>
                                    <p:cond delay="0"/>
                                  </p:stCondLst>
                                  <p:childTnLst>
                                    <p:animEffect filter="wipe(left)" transition="out">
                                      <p:cBhvr>
                                        <p:cTn dur="500" id="33"/>
                                        <p:tgtEl>
                                          <p:spTgt spid="23"/>
                                        </p:tgtEl>
                                      </p:cBhvr>
                                    </p:animEffect>
                                    <p:set>
                                      <p:cBhvr>
                                        <p:cTn dur="1" fill="hold" id="34">
                                          <p:stCondLst>
                                            <p:cond delay="499"/>
                                          </p:stCondLst>
                                        </p:cTn>
                                        <p:tgtEl>
                                          <p:spTgt spid="23"/>
                                        </p:tgtEl>
                                        <p:attrNameLst>
                                          <p:attrName>style.visibility</p:attrName>
                                        </p:attrNameLst>
                                      </p:cBhvr>
                                      <p:to>
                                        <p:strVal val="hidden"/>
                                      </p:to>
                                    </p:set>
                                  </p:childTnLst>
                                </p:cTn>
                              </p:par>
                              <p:par>
                                <p:cTn fill="hold" id="35" nodeType="withEffect" presetClass="exit" presetID="22" presetSubtype="8">
                                  <p:stCondLst>
                                    <p:cond delay="0"/>
                                  </p:stCondLst>
                                  <p:childTnLst>
                                    <p:animEffect filter="wipe(left)" transition="out">
                                      <p:cBhvr>
                                        <p:cTn dur="500" id="36"/>
                                        <p:tgtEl>
                                          <p:spTgt spid="24"/>
                                        </p:tgtEl>
                                      </p:cBhvr>
                                    </p:animEffect>
                                    <p:set>
                                      <p:cBhvr>
                                        <p:cTn dur="1" fill="hold" id="37">
                                          <p:stCondLst>
                                            <p:cond delay="499"/>
                                          </p:stCondLst>
                                        </p:cTn>
                                        <p:tgtEl>
                                          <p:spTgt spid="24"/>
                                        </p:tgtEl>
                                        <p:attrNameLst>
                                          <p:attrName>style.visibility</p:attrName>
                                        </p:attrNameLst>
                                      </p:cBhvr>
                                      <p:to>
                                        <p:strVal val="hidden"/>
                                      </p:to>
                                    </p:se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9"/>
                                        </p:tgtEl>
                                        <p:attrNameLst>
                                          <p:attrName>style.visibility</p:attrName>
                                        </p:attrNameLst>
                                      </p:cBhvr>
                                      <p:to>
                                        <p:strVal val="visible"/>
                                      </p:to>
                                    </p:set>
                                    <p:animEffect filter="fade" transition="in">
                                      <p:cBhvr>
                                        <p:cTn dur="500" id="42"/>
                                        <p:tgtEl>
                                          <p:spTgt spid="29"/>
                                        </p:tgtEl>
                                      </p:cBhvr>
                                    </p:animEffect>
                                  </p:childTnLst>
                                </p:cTn>
                              </p:par>
                            </p:childTnLst>
                          </p:cTn>
                        </p:par>
                      </p:childTnLst>
                    </p:cTn>
                  </p:par>
                  <p:par>
                    <p:cTn fill="hold" id="43">
                      <p:stCondLst>
                        <p:cond delay="indefinite"/>
                      </p:stCondLst>
                      <p:childTnLst>
                        <p:par>
                          <p:cTn fill="hold" id="44">
                            <p:stCondLst>
                              <p:cond delay="0"/>
                            </p:stCondLst>
                            <p:childTnLst>
                              <p:par>
                                <p:cTn fill="hold" grpId="1" id="45" nodeType="clickEffect" presetClass="exit" presetID="10" presetSubtype="0">
                                  <p:stCondLst>
                                    <p:cond delay="0"/>
                                  </p:stCondLst>
                                  <p:childTnLst>
                                    <p:animEffect filter="fade" transition="out">
                                      <p:cBhvr>
                                        <p:cTn dur="500" id="46"/>
                                        <p:tgtEl>
                                          <p:spTgt spid="29"/>
                                        </p:tgtEl>
                                      </p:cBhvr>
                                    </p:animEffect>
                                    <p:set>
                                      <p:cBhvr>
                                        <p:cTn dur="1" fill="hold" id="47">
                                          <p:stCondLst>
                                            <p:cond delay="499"/>
                                          </p:stCondLst>
                                        </p:cTn>
                                        <p:tgtEl>
                                          <p:spTgt spid="29"/>
                                        </p:tgtEl>
                                        <p:attrNameLst>
                                          <p:attrName>style.visibility</p:attrName>
                                        </p:attrNameLst>
                                      </p:cBhvr>
                                      <p:to>
                                        <p:strVal val="hidden"/>
                                      </p:to>
                                    </p:set>
                                  </p:childTnLst>
                                </p:cTn>
                              </p:par>
                              <p:par>
                                <p:cTn fill="hold" grpId="0" id="48" nodeType="withEffect" presetClass="entr" presetID="10" presetSubtype="0">
                                  <p:stCondLst>
                                    <p:cond delay="0"/>
                                  </p:stCondLst>
                                  <p:childTnLst>
                                    <p:set>
                                      <p:cBhvr>
                                        <p:cTn dur="1" fill="hold" id="49">
                                          <p:stCondLst>
                                            <p:cond delay="0"/>
                                          </p:stCondLst>
                                        </p:cTn>
                                        <p:tgtEl>
                                          <p:spTgt spid="30"/>
                                        </p:tgtEl>
                                        <p:attrNameLst>
                                          <p:attrName>style.visibility</p:attrName>
                                        </p:attrNameLst>
                                      </p:cBhvr>
                                      <p:to>
                                        <p:strVal val="visible"/>
                                      </p:to>
                                    </p:set>
                                    <p:animEffect filter="fade" transition="in">
                                      <p:cBhvr>
                                        <p:cTn dur="500" id="50"/>
                                        <p:tgtEl>
                                          <p:spTgt spid="30"/>
                                        </p:tgtEl>
                                      </p:cBhvr>
                                    </p:animEffect>
                                  </p:childTnLst>
                                </p:cTn>
                              </p:par>
                            </p:childTnLst>
                          </p:cTn>
                        </p:par>
                      </p:childTnLst>
                    </p:cTn>
                  </p:par>
                  <p:par>
                    <p:cTn fill="hold" id="51">
                      <p:stCondLst>
                        <p:cond delay="indefinite"/>
                      </p:stCondLst>
                      <p:childTnLst>
                        <p:par>
                          <p:cTn fill="hold" id="52">
                            <p:stCondLst>
                              <p:cond delay="0"/>
                            </p:stCondLst>
                            <p:childTnLst>
                              <p:par>
                                <p:cTn fill="hold" grpId="1" id="53" nodeType="clickEffect" presetClass="exit" presetID="10" presetSubtype="0">
                                  <p:stCondLst>
                                    <p:cond delay="0"/>
                                  </p:stCondLst>
                                  <p:childTnLst>
                                    <p:animEffect filter="fade" transition="out">
                                      <p:cBhvr>
                                        <p:cTn dur="500" id="54"/>
                                        <p:tgtEl>
                                          <p:spTgt spid="30"/>
                                        </p:tgtEl>
                                      </p:cBhvr>
                                    </p:animEffect>
                                    <p:set>
                                      <p:cBhvr>
                                        <p:cTn dur="1" fill="hold" id="55">
                                          <p:stCondLst>
                                            <p:cond delay="499"/>
                                          </p:stCondLst>
                                        </p:cTn>
                                        <p:tgtEl>
                                          <p:spTgt spid="30"/>
                                        </p:tgtEl>
                                        <p:attrNameLst>
                                          <p:attrName>style.visibility</p:attrName>
                                        </p:attrNameLst>
                                      </p:cBhvr>
                                      <p:to>
                                        <p:strVal val="hidden"/>
                                      </p:to>
                                    </p:set>
                                  </p:childTnLst>
                                </p:cTn>
                              </p:par>
                              <p:par>
                                <p:cTn fill="hold" grpId="0" id="56" nodeType="withEffect" presetClass="entr" presetID="10" presetSubtype="0">
                                  <p:stCondLst>
                                    <p:cond delay="0"/>
                                  </p:stCondLst>
                                  <p:childTnLst>
                                    <p:set>
                                      <p:cBhvr>
                                        <p:cTn dur="1" fill="hold" id="57">
                                          <p:stCondLst>
                                            <p:cond delay="0"/>
                                          </p:stCondLst>
                                        </p:cTn>
                                        <p:tgtEl>
                                          <p:spTgt spid="31"/>
                                        </p:tgtEl>
                                        <p:attrNameLst>
                                          <p:attrName>style.visibility</p:attrName>
                                        </p:attrNameLst>
                                      </p:cBhvr>
                                      <p:to>
                                        <p:strVal val="visible"/>
                                      </p:to>
                                    </p:set>
                                    <p:animEffect filter="fade" transition="in">
                                      <p:cBhvr>
                                        <p:cTn dur="500" id="58"/>
                                        <p:tgtEl>
                                          <p:spTgt spid="31"/>
                                        </p:tgtEl>
                                      </p:cBhvr>
                                    </p:animEffect>
                                  </p:childTnLst>
                                </p:cTn>
                              </p:par>
                            </p:childTnLst>
                          </p:cTn>
                        </p:par>
                      </p:childTnLst>
                    </p:cTn>
                  </p:par>
                  <p:par>
                    <p:cTn fill="hold" id="59">
                      <p:stCondLst>
                        <p:cond delay="indefinite"/>
                      </p:stCondLst>
                      <p:childTnLst>
                        <p:par>
                          <p:cTn fill="hold" id="60">
                            <p:stCondLst>
                              <p:cond delay="0"/>
                            </p:stCondLst>
                            <p:childTnLst>
                              <p:par>
                                <p:cTn fill="hold" grpId="1" id="61" nodeType="clickEffect" presetClass="exit" presetID="10" presetSubtype="0">
                                  <p:stCondLst>
                                    <p:cond delay="0"/>
                                  </p:stCondLst>
                                  <p:childTnLst>
                                    <p:animEffect filter="fade" transition="out">
                                      <p:cBhvr>
                                        <p:cTn dur="500" id="62"/>
                                        <p:tgtEl>
                                          <p:spTgt spid="31"/>
                                        </p:tgtEl>
                                      </p:cBhvr>
                                    </p:animEffect>
                                    <p:set>
                                      <p:cBhvr>
                                        <p:cTn dur="1" fill="hold" id="63">
                                          <p:stCondLst>
                                            <p:cond delay="499"/>
                                          </p:stCondLst>
                                        </p:cTn>
                                        <p:tgtEl>
                                          <p:spTgt spid="31"/>
                                        </p:tgtEl>
                                        <p:attrNameLst>
                                          <p:attrName>style.visibility</p:attrName>
                                        </p:attrNameLst>
                                      </p:cBhvr>
                                      <p:to>
                                        <p:strVal val="hidden"/>
                                      </p:to>
                                    </p:set>
                                  </p:childTnLst>
                                </p:cTn>
                              </p:par>
                              <p:par>
                                <p:cTn fill="hold" grpId="1" id="64" nodeType="withEffect" presetClass="exit" presetID="10" presetSubtype="0">
                                  <p:stCondLst>
                                    <p:cond delay="0"/>
                                  </p:stCondLst>
                                  <p:childTnLst>
                                    <p:animEffect filter="fade" transition="out">
                                      <p:cBhvr>
                                        <p:cTn dur="500" id="65"/>
                                        <p:tgtEl>
                                          <p:spTgt spid="25"/>
                                        </p:tgtEl>
                                      </p:cBhvr>
                                    </p:animEffect>
                                    <p:set>
                                      <p:cBhvr>
                                        <p:cTn dur="1" fill="hold" id="66">
                                          <p:stCondLst>
                                            <p:cond delay="499"/>
                                          </p:stCondLst>
                                        </p:cTn>
                                        <p:tgtEl>
                                          <p:spTgt spid="25"/>
                                        </p:tgtEl>
                                        <p:attrNameLst>
                                          <p:attrName>style.visibility</p:attrName>
                                        </p:attrNameLst>
                                      </p:cBhvr>
                                      <p:to>
                                        <p:strVal val="hidden"/>
                                      </p:to>
                                    </p:set>
                                  </p:childTnLst>
                                </p:cTn>
                              </p:par>
                              <p:par>
                                <p:cTn fill="hold" grpId="1" id="67" nodeType="withEffect" presetClass="exit" presetID="10" presetSubtype="0">
                                  <p:stCondLst>
                                    <p:cond delay="0"/>
                                  </p:stCondLst>
                                  <p:childTnLst>
                                    <p:animEffect filter="fade" transition="out">
                                      <p:cBhvr>
                                        <p:cTn dur="500" id="68"/>
                                        <p:tgtEl>
                                          <p:spTgt spid="9"/>
                                        </p:tgtEl>
                                      </p:cBhvr>
                                    </p:animEffect>
                                    <p:set>
                                      <p:cBhvr>
                                        <p:cTn dur="1" fill="hold" id="69">
                                          <p:stCondLst>
                                            <p:cond delay="499"/>
                                          </p:stCondLst>
                                        </p:cTn>
                                        <p:tgtEl>
                                          <p:spTgt spid="9"/>
                                        </p:tgtEl>
                                        <p:attrNameLst>
                                          <p:attrName>style.visibility</p:attrName>
                                        </p:attrNameLst>
                                      </p:cBhvr>
                                      <p:to>
                                        <p:strVal val="hidden"/>
                                      </p:to>
                                    </p:set>
                                  </p:childTnLst>
                                </p:cTn>
                              </p:par>
                            </p:childTnLst>
                          </p:cTn>
                        </p:par>
                      </p:childTnLst>
                    </p:cTn>
                  </p:par>
                  <p:par>
                    <p:cTn fill="hold" id="70">
                      <p:stCondLst>
                        <p:cond delay="indefinite"/>
                      </p:stCondLst>
                      <p:childTnLst>
                        <p:par>
                          <p:cTn fill="hold" id="71">
                            <p:stCondLst>
                              <p:cond delay="0"/>
                            </p:stCondLst>
                            <p:childTnLst>
                              <p:par>
                                <p:cTn fill="hold" grpId="0" id="72" nodeType="clickEffect" presetClass="entr" presetID="10" presetSubtype="0">
                                  <p:stCondLst>
                                    <p:cond delay="0"/>
                                  </p:stCondLst>
                                  <p:childTnLst>
                                    <p:set>
                                      <p:cBhvr>
                                        <p:cTn dur="1" fill="hold" id="73">
                                          <p:stCondLst>
                                            <p:cond delay="0"/>
                                          </p:stCondLst>
                                        </p:cTn>
                                        <p:tgtEl>
                                          <p:spTgt spid="69"/>
                                        </p:tgtEl>
                                        <p:attrNameLst>
                                          <p:attrName>style.visibility</p:attrName>
                                        </p:attrNameLst>
                                      </p:cBhvr>
                                      <p:to>
                                        <p:strVal val="visible"/>
                                      </p:to>
                                    </p:set>
                                    <p:animEffect filter="fade" transition="in">
                                      <p:cBhvr>
                                        <p:cTn dur="500" id="74"/>
                                        <p:tgtEl>
                                          <p:spTgt spid="69"/>
                                        </p:tgtEl>
                                      </p:cBhvr>
                                    </p:animEffect>
                                  </p:childTnLst>
                                </p:cTn>
                              </p:par>
                            </p:childTnLst>
                          </p:cTn>
                        </p:par>
                      </p:childTnLst>
                    </p:cTn>
                  </p:par>
                  <p:par>
                    <p:cTn fill="hold" id="75">
                      <p:stCondLst>
                        <p:cond delay="indefinite"/>
                      </p:stCondLst>
                      <p:childTnLst>
                        <p:par>
                          <p:cTn fill="hold" id="76">
                            <p:stCondLst>
                              <p:cond delay="0"/>
                            </p:stCondLst>
                            <p:childTnLst>
                              <p:par>
                                <p:cTn fill="hold" grpId="1" id="77" nodeType="clickEffect" presetClass="exit" presetID="10" presetSubtype="0">
                                  <p:stCondLst>
                                    <p:cond delay="0"/>
                                  </p:stCondLst>
                                  <p:childTnLst>
                                    <p:animEffect filter="fade" transition="out">
                                      <p:cBhvr>
                                        <p:cTn dur="500" id="78"/>
                                        <p:tgtEl>
                                          <p:spTgt spid="69"/>
                                        </p:tgtEl>
                                      </p:cBhvr>
                                    </p:animEffect>
                                    <p:set>
                                      <p:cBhvr>
                                        <p:cTn dur="1" fill="hold" id="79">
                                          <p:stCondLst>
                                            <p:cond delay="499"/>
                                          </p:stCondLst>
                                        </p:cTn>
                                        <p:tgtEl>
                                          <p:spTgt spid="69"/>
                                        </p:tgtEl>
                                        <p:attrNameLst>
                                          <p:attrName>style.visibility</p:attrName>
                                        </p:attrNameLst>
                                      </p:cBhvr>
                                      <p:to>
                                        <p:strVal val="hidden"/>
                                      </p:to>
                                    </p:se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1"/>
                                        </p:tgtEl>
                                        <p:attrNameLst>
                                          <p:attrName>style.visibility</p:attrName>
                                        </p:attrNameLst>
                                      </p:cBhvr>
                                      <p:to>
                                        <p:strVal val="visible"/>
                                      </p:to>
                                    </p:set>
                                    <p:animEffect filter="fade" transition="in">
                                      <p:cBhvr>
                                        <p:cTn dur="500" id="84"/>
                                        <p:tgtEl>
                                          <p:spTgt spid="71"/>
                                        </p:tgtEl>
                                      </p:cBhvr>
                                    </p:animEffect>
                                  </p:childTnLst>
                                </p:cTn>
                              </p:par>
                            </p:childTnLst>
                          </p:cTn>
                        </p:par>
                      </p:childTnLst>
                    </p:cTn>
                  </p:par>
                  <p:par>
                    <p:cTn fill="hold" id="85">
                      <p:stCondLst>
                        <p:cond delay="indefinite"/>
                      </p:stCondLst>
                      <p:childTnLst>
                        <p:par>
                          <p:cTn fill="hold" id="86">
                            <p:stCondLst>
                              <p:cond delay="0"/>
                            </p:stCondLst>
                            <p:childTnLst>
                              <p:par>
                                <p:cTn fill="hold" grpId="0" id="87" nodeType="clickEffect" presetClass="entr" presetID="10" presetSubtype="0">
                                  <p:stCondLst>
                                    <p:cond delay="0"/>
                                  </p:stCondLst>
                                  <p:childTnLst>
                                    <p:set>
                                      <p:cBhvr>
                                        <p:cTn dur="1" fill="hold" id="88">
                                          <p:stCondLst>
                                            <p:cond delay="0"/>
                                          </p:stCondLst>
                                        </p:cTn>
                                        <p:tgtEl>
                                          <p:spTgt spid="72"/>
                                        </p:tgtEl>
                                        <p:attrNameLst>
                                          <p:attrName>style.visibility</p:attrName>
                                        </p:attrNameLst>
                                      </p:cBhvr>
                                      <p:to>
                                        <p:strVal val="visible"/>
                                      </p:to>
                                    </p:set>
                                    <p:animEffect filter="fade" transition="in">
                                      <p:cBhvr>
                                        <p:cTn dur="500" id="89"/>
                                        <p:tgtEl>
                                          <p:spTgt spid="72"/>
                                        </p:tgtEl>
                                      </p:cBhvr>
                                    </p:animEffect>
                                  </p:childTnLst>
                                </p:cTn>
                              </p:par>
                            </p:childTnLst>
                          </p:cTn>
                        </p:par>
                      </p:childTnLst>
                    </p:cTn>
                  </p:par>
                  <p:par>
                    <p:cTn fill="hold" id="90">
                      <p:stCondLst>
                        <p:cond delay="indefinite"/>
                      </p:stCondLst>
                      <p:childTnLst>
                        <p:par>
                          <p:cTn fill="hold" id="91">
                            <p:stCondLst>
                              <p:cond delay="0"/>
                            </p:stCondLst>
                            <p:childTnLst>
                              <p:par>
                                <p:cTn fill="hold" grpId="0" id="92" nodeType="clickEffect" presetClass="entr" presetID="22" presetSubtype="1">
                                  <p:stCondLst>
                                    <p:cond delay="0"/>
                                  </p:stCondLst>
                                  <p:childTnLst>
                                    <p:set>
                                      <p:cBhvr>
                                        <p:cTn dur="1" fill="hold" id="93">
                                          <p:stCondLst>
                                            <p:cond delay="0"/>
                                          </p:stCondLst>
                                        </p:cTn>
                                        <p:tgtEl>
                                          <p:spTgt spid="32"/>
                                        </p:tgtEl>
                                        <p:attrNameLst>
                                          <p:attrName>style.visibility</p:attrName>
                                        </p:attrNameLst>
                                      </p:cBhvr>
                                      <p:to>
                                        <p:strVal val="visible"/>
                                      </p:to>
                                    </p:set>
                                    <p:animEffect filter="wipe(up)" transition="in">
                                      <p:cBhvr>
                                        <p:cTn dur="500" id="94"/>
                                        <p:tgtEl>
                                          <p:spTgt spid="32"/>
                                        </p:tgtEl>
                                      </p:cBhvr>
                                    </p:animEffect>
                                  </p:childTnLst>
                                </p:cTn>
                              </p:par>
                            </p:childTnLst>
                          </p:cTn>
                        </p:par>
                      </p:childTnLst>
                    </p:cTn>
                  </p:par>
                  <p:par>
                    <p:cTn fill="hold" id="95">
                      <p:stCondLst>
                        <p:cond delay="indefinite"/>
                      </p:stCondLst>
                      <p:childTnLst>
                        <p:par>
                          <p:cTn fill="hold" id="96">
                            <p:stCondLst>
                              <p:cond delay="0"/>
                            </p:stCondLst>
                            <p:childTnLst>
                              <p:par>
                                <p:cTn fill="hold" grpId="0" id="97" nodeType="clickEffect" presetClass="entr" presetID="10" presetSubtype="0">
                                  <p:stCondLst>
                                    <p:cond delay="0"/>
                                  </p:stCondLst>
                                  <p:childTnLst>
                                    <p:set>
                                      <p:cBhvr>
                                        <p:cTn dur="1" fill="hold" id="98">
                                          <p:stCondLst>
                                            <p:cond delay="0"/>
                                          </p:stCondLst>
                                        </p:cTn>
                                        <p:tgtEl>
                                          <p:spTgt spid="13"/>
                                        </p:tgtEl>
                                        <p:attrNameLst>
                                          <p:attrName>style.visibility</p:attrName>
                                        </p:attrNameLst>
                                      </p:cBhvr>
                                      <p:to>
                                        <p:strVal val="visible"/>
                                      </p:to>
                                    </p:set>
                                    <p:animEffect filter="fade" transition="in">
                                      <p:cBhvr>
                                        <p:cTn dur="500" id="99"/>
                                        <p:tgtEl>
                                          <p:spTgt spid="1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9"/>
      <p:bldP grpId="1" spid="9"/>
      <p:bldP animBg="1" grpId="0" spid="69"/>
      <p:bldP animBg="1" grpId="1" spid="69"/>
      <p:bldP animBg="1" grpId="0" spid="71"/>
      <p:bldP animBg="1" grpId="0" spid="72"/>
      <p:bldP grpId="0" spid="13"/>
      <p:bldP animBg="1" grpId="0" spid="25"/>
      <p:bldP animBg="1" grpId="1" spid="25"/>
      <p:bldP animBg="1" grpId="0" spid="29"/>
      <p:bldP animBg="1" grpId="1" spid="29"/>
      <p:bldP animBg="1" grpId="0" spid="30"/>
      <p:bldP animBg="1" grpId="1" spid="30"/>
      <p:bldP animBg="1" grpId="0" spid="31"/>
      <p:bldP animBg="1" grpId="1" spid="31"/>
      <p:bldP animBg="1" grpId="0" spid="32"/>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ceafa344d77cea2bb95f4d91abac3e64">
            <a:r>
              <a:rPr dirty="0" lang="en-US"/>
              <a:t>Étapes de création d'un modèle complet de catégorie</a:t>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62" name="Oval 61">
            <a:extLst>
              <a:ext uri="{FF2B5EF4-FFF2-40B4-BE49-F238E27FC236}">
                <a16:creationId xmlns:a16="http://schemas.microsoft.com/office/drawing/2014/main" id="{4CA689A2-DF05-14C4-EF34-7B0CE32D6E9B}"/>
              </a:ext>
            </a:extLst>
          </p:cNvPr>
          <p:cNvSpPr/>
          <p:nvPr/>
        </p:nvSpPr>
        <p:spPr>
          <a:xfrm>
            <a:off x="3784268" y="2299811"/>
            <a:ext cx="437930" cy="43793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dirty="0" lang="en-NO"/>
              <a:t>1</a:t>
            </a:r>
          </a:p>
        </p:txBody>
      </p:sp>
      <p:sp>
        <p:nvSpPr>
          <p:cNvPr id="63" name="Oval 62">
            <a:extLst>
              <a:ext uri="{FF2B5EF4-FFF2-40B4-BE49-F238E27FC236}">
                <a16:creationId xmlns:a16="http://schemas.microsoft.com/office/drawing/2014/main" id="{2B14993F-43F0-37A8-031C-E844995678C7}"/>
              </a:ext>
            </a:extLst>
          </p:cNvPr>
          <p:cNvSpPr/>
          <p:nvPr/>
        </p:nvSpPr>
        <p:spPr>
          <a:xfrm>
            <a:off x="3784268" y="3052190"/>
            <a:ext cx="437930" cy="43793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dirty="0" lang="en-NO"/>
              <a:t>2</a:t>
            </a:r>
          </a:p>
        </p:txBody>
      </p:sp>
      <p:sp>
        <p:nvSpPr>
          <p:cNvPr id="64" name="Oval 63">
            <a:extLst>
              <a:ext uri="{FF2B5EF4-FFF2-40B4-BE49-F238E27FC236}">
                <a16:creationId xmlns:a16="http://schemas.microsoft.com/office/drawing/2014/main" id="{B011743B-F430-9844-823C-FDBE5E5D0B9D}"/>
              </a:ext>
            </a:extLst>
          </p:cNvPr>
          <p:cNvSpPr/>
          <p:nvPr/>
        </p:nvSpPr>
        <p:spPr>
          <a:xfrm>
            <a:off x="3784268" y="3789917"/>
            <a:ext cx="437930" cy="43793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dirty="0" lang="en-NO"/>
              <a:t>3</a:t>
            </a:r>
          </a:p>
        </p:txBody>
      </p:sp>
      <p:sp>
        <p:nvSpPr>
          <p:cNvPr id="9" name="TextBox 8">
            <a:extLst>
              <a:ext uri="{FF2B5EF4-FFF2-40B4-BE49-F238E27FC236}">
                <a16:creationId xmlns:a16="http://schemas.microsoft.com/office/drawing/2014/main" id="{07FCF83A-6325-AA82-AEAA-CCC0BEB2E806}"/>
              </a:ext>
            </a:extLst>
          </p:cNvPr>
          <p:cNvSpPr txBox="1"/>
          <p:nvPr/>
        </p:nvSpPr>
        <p:spPr>
          <a:xfrm>
            <a:off x="4379122" y="2287943"/>
            <a:ext cx="3791423" cy="461665"/>
          </a:xfrm>
          <a:prstGeom prst="rect">
            <a:avLst/>
          </a:prstGeom>
          <a:noFill/>
        </p:spPr>
        <p:txBody>
          <a:bodyPr rtlCol="0" wrap="none">
            <a:spAutoFit/>
          </a:bodyPr>
          <a:lstStyle/>
          <a:p txid="459a2a30522911dea59a5eec6accd1c1">
            <a:pPr algn="l">
              <a:buClr>
                <a:srgbClr val="008CCF"/>
              </a:buClr>
            </a:pPr>
            <a:r>
              <a:rPr dirty="0" lang="en-US" sz="2400"/>
              <a:t>Créer des options de catégorie</a:t>
            </a:r>
            <a:r>
              <a:rPr dirty="0" lang="en-NO" sz="2400"/>
            </a:r>
          </a:p>
        </p:txBody>
      </p:sp>
      <p:sp>
        <p:nvSpPr>
          <p:cNvPr id="10" name="TextBox 9">
            <a:extLst>
              <a:ext uri="{FF2B5EF4-FFF2-40B4-BE49-F238E27FC236}">
                <a16:creationId xmlns:a16="http://schemas.microsoft.com/office/drawing/2014/main" id="{2631A223-AF7F-41C0-99FC-B498B1FF0369}"/>
              </a:ext>
            </a:extLst>
          </p:cNvPr>
          <p:cNvSpPr txBox="1"/>
          <p:nvPr/>
        </p:nvSpPr>
        <p:spPr>
          <a:xfrm>
            <a:off x="4379122" y="3040322"/>
            <a:ext cx="2912977" cy="461665"/>
          </a:xfrm>
          <a:prstGeom prst="rect">
            <a:avLst/>
          </a:prstGeom>
          <a:noFill/>
        </p:spPr>
        <p:txBody>
          <a:bodyPr rtlCol="0" wrap="none">
            <a:spAutoFit/>
          </a:bodyPr>
          <a:lstStyle/>
          <a:p txid="fe741d78ac5717d138aee5e4796e0d17">
            <a:pPr algn="l">
              <a:buClr>
                <a:srgbClr val="008CCF"/>
              </a:buClr>
            </a:pPr>
            <a:r>
              <a:rPr dirty="0" lang="en-US" sz="2400"/>
              <a:t>Créer des catégories</a:t>
            </a:r>
            <a:r>
              <a:rPr dirty="0" lang="en-NO" sz="2400"/>
            </a:r>
          </a:p>
        </p:txBody>
      </p:sp>
      <p:sp>
        <p:nvSpPr>
          <p:cNvPr id="11" name="TextBox 10">
            <a:extLst>
              <a:ext uri="{FF2B5EF4-FFF2-40B4-BE49-F238E27FC236}">
                <a16:creationId xmlns:a16="http://schemas.microsoft.com/office/drawing/2014/main" id="{A3B4568D-8EB3-5558-E593-17C20D7535AA}"/>
              </a:ext>
            </a:extLst>
          </p:cNvPr>
          <p:cNvSpPr txBox="1"/>
          <p:nvPr/>
        </p:nvSpPr>
        <p:spPr>
          <a:xfrm>
            <a:off x="4379122" y="3789917"/>
            <a:ext cx="4700326" cy="461665"/>
          </a:xfrm>
          <a:prstGeom prst="rect">
            <a:avLst/>
          </a:prstGeom>
          <a:noFill/>
        </p:spPr>
        <p:txBody>
          <a:bodyPr rtlCol="0" wrap="none">
            <a:spAutoFit/>
          </a:bodyPr>
          <a:lstStyle/>
          <a:p txid="7ea438a2882d65b9cb1a7d68be54da62">
            <a:pPr algn="l">
              <a:buClr>
                <a:srgbClr val="008CCF"/>
              </a:buClr>
            </a:pPr>
            <a:r>
              <a:rPr dirty="0" lang="en-US" sz="2400"/>
              <a:t>Créer des combinaisons de catégories</a:t>
            </a:r>
            <a:r>
              <a:rPr dirty="0" lang="en-NO" sz="2400"/>
            </a:r>
          </a:p>
        </p:txBody>
      </p:sp>
      <p:sp>
        <p:nvSpPr>
          <p:cNvPr id="31" name="Oval 30">
            <a:extLst>
              <a:ext uri="{FF2B5EF4-FFF2-40B4-BE49-F238E27FC236}">
                <a16:creationId xmlns:a16="http://schemas.microsoft.com/office/drawing/2014/main" id="{D59F9207-2482-50D4-FD49-4995C75A4510}"/>
              </a:ext>
            </a:extLst>
          </p:cNvPr>
          <p:cNvSpPr/>
          <p:nvPr/>
        </p:nvSpPr>
        <p:spPr>
          <a:xfrm>
            <a:off x="3784268" y="4539512"/>
            <a:ext cx="437930" cy="43793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693e302dc09b57483d26522ef25feb4">
            <a:pPr algn="ctr"/>
            <a:r>
              <a:rPr dirty="0" lang="en-NO"/>
              <a:t>4</a:t>
            </a:r>
          </a:p>
        </p:txBody>
      </p:sp>
      <p:sp>
        <p:nvSpPr>
          <p:cNvPr id="32" name="TextBox 31">
            <a:extLst>
              <a:ext uri="{FF2B5EF4-FFF2-40B4-BE49-F238E27FC236}">
                <a16:creationId xmlns:a16="http://schemas.microsoft.com/office/drawing/2014/main" id="{6FD17C1E-281C-9400-594B-CE1D2CA0B106}"/>
              </a:ext>
            </a:extLst>
          </p:cNvPr>
          <p:cNvSpPr txBox="1"/>
          <p:nvPr/>
        </p:nvSpPr>
        <p:spPr>
          <a:xfrm>
            <a:off x="4379122" y="4539512"/>
            <a:ext cx="4695516" cy="461665"/>
          </a:xfrm>
          <a:prstGeom prst="rect">
            <a:avLst/>
          </a:prstGeom>
          <a:noFill/>
        </p:spPr>
        <p:txBody>
          <a:bodyPr rtlCol="0" wrap="none">
            <a:spAutoFit/>
          </a:bodyPr>
          <a:lstStyle/>
          <a:p txid="f941783ed7ea132d2a46f8bbfda83e51">
            <a:pPr algn="l">
              <a:buClr>
                <a:srgbClr val="008CCF"/>
              </a:buClr>
            </a:pPr>
            <a:r>
              <a:rPr dirty="0" lang="en-US" sz="2400"/>
              <a:t>Les affecter à des éléments de données</a:t>
            </a:r>
            <a:endParaRPr dirty="0" lang="en-NO" sz="2400"/>
          </a:p>
        </p:txBody>
      </p:sp>
    </p:spTree>
    <p:custDataLst>
      <p:tags r:id="rId1"/>
    </p:custDataLst>
    <p:extLst>
      <p:ext uri="{BB962C8B-B14F-4D97-AF65-F5344CB8AC3E}">
        <p14:creationId xmlns:p14="http://schemas.microsoft.com/office/powerpoint/2010/main" val="3964348627"/>
      </p:ext>
    </p:extLst>
  </p:cSld>
  <p:clrMapOvr>
    <a:masterClrMapping/>
  </p:clrMapOvr>
  <p:transition advClick="0" advTm="19944"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62"/>
                                        </p:tgtEl>
                                        <p:attrNameLst>
                                          <p:attrName>style.visibility</p:attrName>
                                        </p:attrNameLst>
                                      </p:cBhvr>
                                      <p:to>
                                        <p:strVal val="visible"/>
                                      </p:to>
                                    </p:set>
                                    <p:anim calcmode="lin" valueType="num">
                                      <p:cBhvr additive="base">
                                        <p:cTn dur="500" fill="hold" id="7"/>
                                        <p:tgtEl>
                                          <p:spTgt spid="62"/>
                                        </p:tgtEl>
                                        <p:attrNameLst>
                                          <p:attrName>ppt_x</p:attrName>
                                        </p:attrNameLst>
                                      </p:cBhvr>
                                      <p:tavLst>
                                        <p:tav tm="0">
                                          <p:val>
                                            <p:strVal val="#ppt_x"/>
                                          </p:val>
                                        </p:tav>
                                        <p:tav tm="100000">
                                          <p:val>
                                            <p:strVal val="#ppt_x"/>
                                          </p:val>
                                        </p:tav>
                                      </p:tavLst>
                                    </p:anim>
                                    <p:anim calcmode="lin" valueType="num">
                                      <p:cBhvr additive="base">
                                        <p:cTn dur="500" fill="hold" id="8"/>
                                        <p:tgtEl>
                                          <p:spTgt spid="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9"/>
                                        </p:tgtEl>
                                        <p:attrNameLst>
                                          <p:attrName>style.visibility</p:attrName>
                                        </p:attrNameLst>
                                      </p:cBhvr>
                                      <p:to>
                                        <p:strVal val="visible"/>
                                      </p:to>
                                    </p:set>
                                    <p:anim calcmode="lin" valueType="num">
                                      <p:cBhvr additive="base">
                                        <p:cTn dur="500" fill="hold" id="11"/>
                                        <p:tgtEl>
                                          <p:spTgt spid="9"/>
                                        </p:tgtEl>
                                        <p:attrNameLst>
                                          <p:attrName>ppt_x</p:attrName>
                                        </p:attrNameLst>
                                      </p:cBhvr>
                                      <p:tavLst>
                                        <p:tav tm="0">
                                          <p:val>
                                            <p:strVal val="#ppt_x"/>
                                          </p:val>
                                        </p:tav>
                                        <p:tav tm="100000">
                                          <p:val>
                                            <p:strVal val="#ppt_x"/>
                                          </p:val>
                                        </p:tav>
                                      </p:tavLst>
                                    </p:anim>
                                    <p:anim calcmode="lin" valueType="num">
                                      <p:cBhvr additive="base">
                                        <p:cTn dur="500" fill="hold" id="12"/>
                                        <p:tgtEl>
                                          <p:spTgt spid="9"/>
                                        </p:tgtEl>
                                        <p:attrNameLst>
                                          <p:attrName>ppt_y</p:attrName>
                                        </p:attrNameLst>
                                      </p:cBhvr>
                                      <p:tavLst>
                                        <p:tav tm="0">
                                          <p:val>
                                            <p:strVal val="1+#ppt_h/2"/>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 presetSubtype="4">
                                  <p:stCondLst>
                                    <p:cond delay="0"/>
                                  </p:stCondLst>
                                  <p:childTnLst>
                                    <p:set>
                                      <p:cBhvr>
                                        <p:cTn dur="1" fill="hold" id="16">
                                          <p:stCondLst>
                                            <p:cond delay="0"/>
                                          </p:stCondLst>
                                        </p:cTn>
                                        <p:tgtEl>
                                          <p:spTgt spid="63"/>
                                        </p:tgtEl>
                                        <p:attrNameLst>
                                          <p:attrName>style.visibility</p:attrName>
                                        </p:attrNameLst>
                                      </p:cBhvr>
                                      <p:to>
                                        <p:strVal val="visible"/>
                                      </p:to>
                                    </p:set>
                                    <p:anim calcmode="lin" valueType="num">
                                      <p:cBhvr additive="base">
                                        <p:cTn dur="500" fill="hold" id="17"/>
                                        <p:tgtEl>
                                          <p:spTgt spid="63"/>
                                        </p:tgtEl>
                                        <p:attrNameLst>
                                          <p:attrName>ppt_x</p:attrName>
                                        </p:attrNameLst>
                                      </p:cBhvr>
                                      <p:tavLst>
                                        <p:tav tm="0">
                                          <p:val>
                                            <p:strVal val="#ppt_x"/>
                                          </p:val>
                                        </p:tav>
                                        <p:tav tm="100000">
                                          <p:val>
                                            <p:strVal val="#ppt_x"/>
                                          </p:val>
                                        </p:tav>
                                      </p:tavLst>
                                    </p:anim>
                                    <p:anim calcmode="lin" valueType="num">
                                      <p:cBhvr additive="base">
                                        <p:cTn dur="500" fill="hold" id="18"/>
                                        <p:tgtEl>
                                          <p:spTgt spid="63"/>
                                        </p:tgtEl>
                                        <p:attrNameLst>
                                          <p:attrName>ppt_y</p:attrName>
                                        </p:attrNameLst>
                                      </p:cBhvr>
                                      <p:tavLst>
                                        <p:tav tm="0">
                                          <p:val>
                                            <p:strVal val="1+#ppt_h/2"/>
                                          </p:val>
                                        </p:tav>
                                        <p:tav tm="100000">
                                          <p:val>
                                            <p:strVal val="#ppt_y"/>
                                          </p:val>
                                        </p:tav>
                                      </p:tavLst>
                                    </p:anim>
                                  </p:childTnLst>
                                </p:cTn>
                              </p:par>
                              <p:par>
                                <p:cTn fill="hold" grpId="0" id="19" nodeType="withEffect" presetClass="entr" presetID="2" presetSubtype="4">
                                  <p:stCondLst>
                                    <p:cond delay="0"/>
                                  </p:stCondLst>
                                  <p:childTnLst>
                                    <p:set>
                                      <p:cBhvr>
                                        <p:cTn dur="1" fill="hold" id="20">
                                          <p:stCondLst>
                                            <p:cond delay="0"/>
                                          </p:stCondLst>
                                        </p:cTn>
                                        <p:tgtEl>
                                          <p:spTgt spid="10"/>
                                        </p:tgtEl>
                                        <p:attrNameLst>
                                          <p:attrName>style.visibility</p:attrName>
                                        </p:attrNameLst>
                                      </p:cBhvr>
                                      <p:to>
                                        <p:strVal val="visible"/>
                                      </p:to>
                                    </p:set>
                                    <p:anim calcmode="lin" valueType="num">
                                      <p:cBhvr additive="base">
                                        <p:cTn dur="500" fill="hold" id="21"/>
                                        <p:tgtEl>
                                          <p:spTgt spid="10"/>
                                        </p:tgtEl>
                                        <p:attrNameLst>
                                          <p:attrName>ppt_x</p:attrName>
                                        </p:attrNameLst>
                                      </p:cBhvr>
                                      <p:tavLst>
                                        <p:tav tm="0">
                                          <p:val>
                                            <p:strVal val="#ppt_x"/>
                                          </p:val>
                                        </p:tav>
                                        <p:tav tm="100000">
                                          <p:val>
                                            <p:strVal val="#ppt_x"/>
                                          </p:val>
                                        </p:tav>
                                      </p:tavLst>
                                    </p:anim>
                                    <p:anim calcmode="lin" valueType="num">
                                      <p:cBhvr additive="base">
                                        <p:cTn dur="500" fill="hold" id="22"/>
                                        <p:tgtEl>
                                          <p:spTgt spid="10"/>
                                        </p:tgtEl>
                                        <p:attrNameLst>
                                          <p:attrName>ppt_y</p:attrName>
                                        </p:attrNameLst>
                                      </p:cBhvr>
                                      <p:tavLst>
                                        <p:tav tm="0">
                                          <p:val>
                                            <p:strVal val="1+#ppt_h/2"/>
                                          </p:val>
                                        </p:tav>
                                        <p:tav tm="100000">
                                          <p:val>
                                            <p:strVal val="#ppt_y"/>
                                          </p:val>
                                        </p:tav>
                                      </p:tavLst>
                                    </p:anim>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2" presetSubtype="4">
                                  <p:stCondLst>
                                    <p:cond delay="0"/>
                                  </p:stCondLst>
                                  <p:childTnLst>
                                    <p:set>
                                      <p:cBhvr>
                                        <p:cTn dur="1" fill="hold" id="26">
                                          <p:stCondLst>
                                            <p:cond delay="0"/>
                                          </p:stCondLst>
                                        </p:cTn>
                                        <p:tgtEl>
                                          <p:spTgt spid="64"/>
                                        </p:tgtEl>
                                        <p:attrNameLst>
                                          <p:attrName>style.visibility</p:attrName>
                                        </p:attrNameLst>
                                      </p:cBhvr>
                                      <p:to>
                                        <p:strVal val="visible"/>
                                      </p:to>
                                    </p:set>
                                    <p:anim calcmode="lin" valueType="num">
                                      <p:cBhvr additive="base">
                                        <p:cTn dur="500" fill="hold" id="27"/>
                                        <p:tgtEl>
                                          <p:spTgt spid="64"/>
                                        </p:tgtEl>
                                        <p:attrNameLst>
                                          <p:attrName>ppt_x</p:attrName>
                                        </p:attrNameLst>
                                      </p:cBhvr>
                                      <p:tavLst>
                                        <p:tav tm="0">
                                          <p:val>
                                            <p:strVal val="#ppt_x"/>
                                          </p:val>
                                        </p:tav>
                                        <p:tav tm="100000">
                                          <p:val>
                                            <p:strVal val="#ppt_x"/>
                                          </p:val>
                                        </p:tav>
                                      </p:tavLst>
                                    </p:anim>
                                    <p:anim calcmode="lin" valueType="num">
                                      <p:cBhvr additive="base">
                                        <p:cTn dur="500" fill="hold" id="28"/>
                                        <p:tgtEl>
                                          <p:spTgt spid="64"/>
                                        </p:tgtEl>
                                        <p:attrNameLst>
                                          <p:attrName>ppt_y</p:attrName>
                                        </p:attrNameLst>
                                      </p:cBhvr>
                                      <p:tavLst>
                                        <p:tav tm="0">
                                          <p:val>
                                            <p:strVal val="1+#ppt_h/2"/>
                                          </p:val>
                                        </p:tav>
                                        <p:tav tm="100000">
                                          <p:val>
                                            <p:strVal val="#ppt_y"/>
                                          </p:val>
                                        </p:tav>
                                      </p:tavLst>
                                    </p:anim>
                                  </p:childTnLst>
                                </p:cTn>
                              </p:par>
                              <p:par>
                                <p:cTn fill="hold" grpId="0" id="29" nodeType="withEffect" presetClass="entr" presetID="2" presetSubtype="4">
                                  <p:stCondLst>
                                    <p:cond delay="0"/>
                                  </p:stCondLst>
                                  <p:childTnLst>
                                    <p:set>
                                      <p:cBhvr>
                                        <p:cTn dur="1" fill="hold" id="30">
                                          <p:stCondLst>
                                            <p:cond delay="0"/>
                                          </p:stCondLst>
                                        </p:cTn>
                                        <p:tgtEl>
                                          <p:spTgt spid="11"/>
                                        </p:tgtEl>
                                        <p:attrNameLst>
                                          <p:attrName>style.visibility</p:attrName>
                                        </p:attrNameLst>
                                      </p:cBhvr>
                                      <p:to>
                                        <p:strVal val="visible"/>
                                      </p:to>
                                    </p:set>
                                    <p:anim calcmode="lin" valueType="num">
                                      <p:cBhvr additive="base">
                                        <p:cTn dur="500" fill="hold" id="31"/>
                                        <p:tgtEl>
                                          <p:spTgt spid="11"/>
                                        </p:tgtEl>
                                        <p:attrNameLst>
                                          <p:attrName>ppt_x</p:attrName>
                                        </p:attrNameLst>
                                      </p:cBhvr>
                                      <p:tavLst>
                                        <p:tav tm="0">
                                          <p:val>
                                            <p:strVal val="#ppt_x"/>
                                          </p:val>
                                        </p:tav>
                                        <p:tav tm="100000">
                                          <p:val>
                                            <p:strVal val="#ppt_x"/>
                                          </p:val>
                                        </p:tav>
                                      </p:tavLst>
                                    </p:anim>
                                    <p:anim calcmode="lin" valueType="num">
                                      <p:cBhvr additive="base">
                                        <p:cTn dur="500" fill="hold" id="32"/>
                                        <p:tgtEl>
                                          <p:spTgt spid="11"/>
                                        </p:tgtEl>
                                        <p:attrNameLst>
                                          <p:attrName>ppt_y</p:attrName>
                                        </p:attrNameLst>
                                      </p:cBhvr>
                                      <p:tavLst>
                                        <p:tav tm="0">
                                          <p:val>
                                            <p:strVal val="1+#ppt_h/2"/>
                                          </p:val>
                                        </p:tav>
                                        <p:tav tm="100000">
                                          <p:val>
                                            <p:strVal val="#ppt_y"/>
                                          </p:val>
                                        </p:tav>
                                      </p:tavLst>
                                    </p:anim>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2" presetSubtype="4">
                                  <p:stCondLst>
                                    <p:cond delay="0"/>
                                  </p:stCondLst>
                                  <p:childTnLst>
                                    <p:set>
                                      <p:cBhvr>
                                        <p:cTn dur="1" fill="hold" id="36">
                                          <p:stCondLst>
                                            <p:cond delay="0"/>
                                          </p:stCondLst>
                                        </p:cTn>
                                        <p:tgtEl>
                                          <p:spTgt spid="31"/>
                                        </p:tgtEl>
                                        <p:attrNameLst>
                                          <p:attrName>style.visibility</p:attrName>
                                        </p:attrNameLst>
                                      </p:cBhvr>
                                      <p:to>
                                        <p:strVal val="visible"/>
                                      </p:to>
                                    </p:set>
                                    <p:anim calcmode="lin" valueType="num">
                                      <p:cBhvr additive="base">
                                        <p:cTn dur="500" fill="hold" id="37"/>
                                        <p:tgtEl>
                                          <p:spTgt spid="31"/>
                                        </p:tgtEl>
                                        <p:attrNameLst>
                                          <p:attrName>ppt_x</p:attrName>
                                        </p:attrNameLst>
                                      </p:cBhvr>
                                      <p:tavLst>
                                        <p:tav tm="0">
                                          <p:val>
                                            <p:strVal val="#ppt_x"/>
                                          </p:val>
                                        </p:tav>
                                        <p:tav tm="100000">
                                          <p:val>
                                            <p:strVal val="#ppt_x"/>
                                          </p:val>
                                        </p:tav>
                                      </p:tavLst>
                                    </p:anim>
                                    <p:anim calcmode="lin" valueType="num">
                                      <p:cBhvr additive="base">
                                        <p:cTn dur="500" fill="hold" id="38"/>
                                        <p:tgtEl>
                                          <p:spTgt spid="31"/>
                                        </p:tgtEl>
                                        <p:attrNameLst>
                                          <p:attrName>ppt_y</p:attrName>
                                        </p:attrNameLst>
                                      </p:cBhvr>
                                      <p:tavLst>
                                        <p:tav tm="0">
                                          <p:val>
                                            <p:strVal val="1+#ppt_h/2"/>
                                          </p:val>
                                        </p:tav>
                                        <p:tav tm="100000">
                                          <p:val>
                                            <p:strVal val="#ppt_y"/>
                                          </p:val>
                                        </p:tav>
                                      </p:tavLst>
                                    </p:anim>
                                  </p:childTnLst>
                                </p:cTn>
                              </p:par>
                              <p:par>
                                <p:cTn fill="hold" grpId="0" id="39" nodeType="withEffect" presetClass="entr" presetID="2" presetSubtype="4">
                                  <p:stCondLst>
                                    <p:cond delay="0"/>
                                  </p:stCondLst>
                                  <p:childTnLst>
                                    <p:set>
                                      <p:cBhvr>
                                        <p:cTn dur="1" fill="hold" id="40">
                                          <p:stCondLst>
                                            <p:cond delay="0"/>
                                          </p:stCondLst>
                                        </p:cTn>
                                        <p:tgtEl>
                                          <p:spTgt spid="32"/>
                                        </p:tgtEl>
                                        <p:attrNameLst>
                                          <p:attrName>style.visibility</p:attrName>
                                        </p:attrNameLst>
                                      </p:cBhvr>
                                      <p:to>
                                        <p:strVal val="visible"/>
                                      </p:to>
                                    </p:set>
                                    <p:anim calcmode="lin" valueType="num">
                                      <p:cBhvr additive="base">
                                        <p:cTn dur="500" fill="hold" id="41"/>
                                        <p:tgtEl>
                                          <p:spTgt spid="32"/>
                                        </p:tgtEl>
                                        <p:attrNameLst>
                                          <p:attrName>ppt_x</p:attrName>
                                        </p:attrNameLst>
                                      </p:cBhvr>
                                      <p:tavLst>
                                        <p:tav tm="0">
                                          <p:val>
                                            <p:strVal val="#ppt_x"/>
                                          </p:val>
                                        </p:tav>
                                        <p:tav tm="100000">
                                          <p:val>
                                            <p:strVal val="#ppt_x"/>
                                          </p:val>
                                        </p:tav>
                                      </p:tavLst>
                                    </p:anim>
                                    <p:anim calcmode="lin" valueType="num">
                                      <p:cBhvr additive="base">
                                        <p:cTn dur="500" fill="hold" id="42"/>
                                        <p:tgtEl>
                                          <p:spTgt spid="32"/>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2"/>
      <p:bldP animBg="1" grpId="0" spid="63"/>
      <p:bldP animBg="1" grpId="0" spid="64"/>
      <p:bldP grpId="0" spid="9"/>
      <p:bldP grpId="0" spid="10"/>
      <p:bldP grpId="0" spid="11"/>
      <p:bldP animBg="1" grpId="0" spid="31"/>
      <p:bldP grpId="0" spid="32"/>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D248C6-1537-E835-2992-E07D867D31E7}"/>
              </a:ext>
            </a:extLst>
          </p:cNvPr>
          <p:cNvSpPr>
            <a:spLocks noGrp="1"/>
          </p:cNvSpPr>
          <p:nvPr>
            <p:ph type="title"/>
          </p:nvPr>
        </p:nvSpPr>
        <p:spPr/>
        <p:txBody>
          <a:bodyPr/>
          <a:lstStyle/>
          <a:p>
            <a:endParaRPr lang="en-NO"/>
          </a:p>
        </p:txBody>
      </p:sp>
      <p:sp>
        <p:nvSpPr>
          <p:cNvPr id="4" name="TextBox 3">
            <a:extLst>
              <a:ext uri="{FF2B5EF4-FFF2-40B4-BE49-F238E27FC236}">
                <a16:creationId xmlns:a16="http://schemas.microsoft.com/office/drawing/2014/main" id="{2B146128-FA70-8539-07EB-2C85D7446858}"/>
              </a:ext>
            </a:extLst>
          </p:cNvPr>
          <p:cNvSpPr txBox="1"/>
          <p:nvPr/>
        </p:nvSpPr>
        <p:spPr>
          <a:xfrm>
            <a:off x="4983195" y="3198167"/>
            <a:ext cx="1112805" cy="461665"/>
          </a:xfrm>
          <a:prstGeom prst="rect">
            <a:avLst/>
          </a:prstGeom>
          <a:noFill/>
        </p:spPr>
        <p:txBody>
          <a:bodyPr rtlCol="0" wrap="none">
            <a:spAutoFit/>
          </a:bodyPr>
          <a:lstStyle/>
          <a:p txid="44a3df7686e5095f0d053341b729bb4a">
            <a:pPr algn="l">
              <a:buClr>
                <a:srgbClr val="008CCF"/>
              </a:buClr>
            </a:pPr>
            <a:r>
              <a:rPr dirty="0" err="1" lang="fr-FR" sz="2400"/>
              <a:t>Démo</a:t>
            </a:r>
            <a:r>
              <a:rPr dirty="0" lang="fr-FR" sz="2400"/>
              <a:t> </a:t>
            </a:r>
          </a:p>
        </p:txBody>
      </p:sp>
    </p:spTree>
    <p:custDataLst>
      <p:tags r:id="rId1"/>
    </p:custDataLst>
    <p:extLst>
      <p:ext uri="{BB962C8B-B14F-4D97-AF65-F5344CB8AC3E}">
        <p14:creationId xmlns:p14="http://schemas.microsoft.com/office/powerpoint/2010/main" val="1161092690"/>
      </p:ext>
    </p:extLst>
  </p:cSld>
  <p:clrMapOvr>
    <a:masterClrMapping/>
  </p:clrMapOvr>
  <mc:AlternateContent xmlns:mc="http://schemas.openxmlformats.org/markup-compatibility/2006" xmlns:p14="http://schemas.microsoft.com/office/powerpoint/2010/main">
    <mc:Choice Requires="p14">
      <p:transition advClick="0" advTm="124000" p14:dur="2000" spd="slow"/>
    </mc:Choice>
    <mc:Fallback xmlns="">
      <p:transition advClick="0" advTm="124000"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31" name="TextBox 30">
            <a:extLst>
              <a:ext uri="{FF2B5EF4-FFF2-40B4-BE49-F238E27FC236}">
                <a16:creationId xmlns:a16="http://schemas.microsoft.com/office/drawing/2014/main" id="{21915041-EDB4-7634-A2F3-F8898B4FEB9C}"/>
              </a:ext>
            </a:extLst>
          </p:cNvPr>
          <p:cNvSpPr txBox="1"/>
          <p:nvPr/>
        </p:nvSpPr>
        <p:spPr>
          <a:xfrm>
            <a:off x="2412630" y="2990590"/>
            <a:ext cx="6688839" cy="1334020"/>
          </a:xfrm>
          <a:prstGeom prst="rect">
            <a:avLst/>
          </a:prstGeom>
          <a:noFill/>
        </p:spPr>
        <p:txBody>
          <a:bodyPr rtlCol="0" wrap="square">
            <a:spAutoFit/>
          </a:bodyPr>
          <a:lstStyle/>
          <a:p txid="900a6fbfdb2a81c83ea1d79348897a72">
            <a:pPr algn="l">
              <a:lnSpc>
                <a:spcPts val="3300"/>
              </a:lnSpc>
              <a:buClr>
                <a:srgbClr val="008CCF"/>
              </a:buClr>
            </a:pPr>
            <a:r>
              <a:rPr lang="en-US" sz="2400"/>
              <a:t>Prochaine vidéo suivante : Comment les regrouper en</a:t>
            </a:r>
          </a:p>
          <a:p txid="7f2b2b29dc60dffc2dd472588c2a13c0">
            <a:pPr algn="l" indent="-342900" marL="342900">
              <a:lnSpc>
                <a:spcPts val="3300"/>
              </a:lnSpc>
              <a:buClr>
                <a:srgbClr val="008CCF"/>
              </a:buClr>
              <a:buFont charset="0" panose="020B0604020202020204" pitchFamily="34" typeface="Arial"/>
              <a:buChar char="•"/>
            </a:pPr>
            <a:r>
              <a:rPr lang="en-US" sz="2400"/>
              <a:t>Catégories</a:t>
            </a:r>
            <a:r>
              <a:rPr lang="en-NO" sz="2400"/>
            </a:r>
            <a:endParaRPr lang="es-ES" sz="2400"/>
          </a:p>
          <a:p txid="f2dacd087cff8e7e30a46cef9d8af821">
            <a:pPr algn="l" indent="-342900" marL="342900">
              <a:lnSpc>
                <a:spcPts val="3300"/>
              </a:lnSpc>
              <a:buClr>
                <a:srgbClr val="008CCF"/>
              </a:buClr>
              <a:buFont charset="0" panose="020B0604020202020204" pitchFamily="34" typeface="Arial"/>
              <a:buChar char="•"/>
            </a:pPr>
            <a:r>
              <a:rPr lang="es-ES" sz="2400"/>
              <a:t>Des combinaisons de catégories</a:t>
            </a:r>
            <a:endParaRPr dirty="0" lang="en-NO" sz="2400"/>
          </a:p>
        </p:txBody>
      </p:sp>
      <p:sp>
        <p:nvSpPr>
          <p:cNvPr id="12" name="TextBox 11">
            <a:extLst>
              <a:ext uri="{FF2B5EF4-FFF2-40B4-BE49-F238E27FC236}">
                <a16:creationId xmlns:a16="http://schemas.microsoft.com/office/drawing/2014/main" id="{9E95E0BD-9EE4-B171-18D4-F654A9C5DE72}"/>
              </a:ext>
            </a:extLst>
          </p:cNvPr>
          <p:cNvSpPr txBox="1"/>
          <p:nvPr/>
        </p:nvSpPr>
        <p:spPr>
          <a:xfrm>
            <a:off x="2412630" y="1475985"/>
            <a:ext cx="6011297" cy="1334020"/>
          </a:xfrm>
          <a:prstGeom prst="rect">
            <a:avLst/>
          </a:prstGeom>
          <a:noFill/>
        </p:spPr>
        <p:txBody>
          <a:bodyPr rtlCol="0" wrap="square">
            <a:spAutoFit/>
          </a:bodyPr>
          <a:lstStyle/>
          <a:p txid="6fd9e9894905c80b3080a717a8ed4ef8">
            <a:pPr algn="l">
              <a:lnSpc>
                <a:spcPts val="3300"/>
              </a:lnSpc>
              <a:buClr>
                <a:srgbClr val="008CCF"/>
              </a:buClr>
            </a:pPr>
            <a:r>
              <a:rPr lang="es-ES" sz="2400"/>
              <a:t>Vous avez appris :</a:t>
            </a:r>
          </a:p>
          <a:p txid="474c7f67b6ca2cdef2f8a45fa3d4ebe1">
            <a:pPr algn="l" indent="-342900" marL="342900">
              <a:lnSpc>
                <a:spcPts val="3300"/>
              </a:lnSpc>
              <a:buClr>
                <a:srgbClr val="008CCF"/>
              </a:buClr>
              <a:buFont charset="0" panose="020B0604020202020204" pitchFamily="34" typeface="Arial"/>
              <a:buChar char="•"/>
            </a:pPr>
            <a:r>
              <a:rPr lang="es-ES" sz="2400"/>
              <a:t>Comment créer des options de catégories pour représenter les ventilations ?</a:t>
            </a:r>
            <a:endParaRPr dirty="0" lang="en-NO" sz="2400"/>
          </a:p>
        </p:txBody>
      </p:sp>
    </p:spTree>
    <p:custDataLst>
      <p:tags r:id="rId1"/>
    </p:custDataLst>
    <p:extLst>
      <p:ext uri="{BB962C8B-B14F-4D97-AF65-F5344CB8AC3E}">
        <p14:creationId xmlns:p14="http://schemas.microsoft.com/office/powerpoint/2010/main" val="173231022"/>
      </p:ext>
    </p:extLst>
  </p:cSld>
  <p:clrMapOvr>
    <a:masterClrMapping/>
  </p:clrMapOvr>
  <mc:AlternateContent xmlns:mc="http://schemas.openxmlformats.org/markup-compatibility/2006" xmlns:p14="http://schemas.microsoft.com/office/powerpoint/2010/main">
    <mc:Choice Requires="p14">
      <p:transition advClick="0" advTm="20007" p14:dur="2000" spd="slow"/>
    </mc:Choice>
    <mc:Fallback xmlns="">
      <p:transition advClick="0" advTm="2000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2">
                                            <p:txEl>
                                              <p:pRg end="0" st="0"/>
                                            </p:txEl>
                                          </p:spTgt>
                                        </p:tgtEl>
                                        <p:attrNameLst>
                                          <p:attrName>style.visibility</p:attrName>
                                        </p:attrNameLst>
                                      </p:cBhvr>
                                      <p:to>
                                        <p:strVal val="visible"/>
                                      </p:to>
                                    </p:set>
                                    <p:animEffect filter="fade" transition="in">
                                      <p:cBhvr>
                                        <p:cTn dur="500" id="7"/>
                                        <p:tgtEl>
                                          <p:spTgt spid="12">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2">
                                            <p:txEl>
                                              <p:pRg end="1" st="1"/>
                                            </p:txEl>
                                          </p:spTgt>
                                        </p:tgtEl>
                                        <p:attrNameLst>
                                          <p:attrName>style.visibility</p:attrName>
                                        </p:attrNameLst>
                                      </p:cBhvr>
                                      <p:to>
                                        <p:strVal val="visible"/>
                                      </p:to>
                                    </p:set>
                                    <p:animEffect filter="fade" transition="in">
                                      <p:cBhvr>
                                        <p:cTn dur="500" id="12"/>
                                        <p:tgtEl>
                                          <p:spTgt spid="12">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1">
                                            <p:txEl>
                                              <p:pRg end="0" st="0"/>
                                            </p:txEl>
                                          </p:spTgt>
                                        </p:tgtEl>
                                        <p:attrNameLst>
                                          <p:attrName>style.visibility</p:attrName>
                                        </p:attrNameLst>
                                      </p:cBhvr>
                                      <p:to>
                                        <p:strVal val="visible"/>
                                      </p:to>
                                    </p:set>
                                    <p:animEffect filter="fade" transition="in">
                                      <p:cBhvr>
                                        <p:cTn dur="500" id="17"/>
                                        <p:tgtEl>
                                          <p:spTgt spid="31">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1">
                                            <p:txEl>
                                              <p:pRg end="1" st="1"/>
                                            </p:txEl>
                                          </p:spTgt>
                                        </p:tgtEl>
                                        <p:attrNameLst>
                                          <p:attrName>style.visibility</p:attrName>
                                        </p:attrNameLst>
                                      </p:cBhvr>
                                      <p:to>
                                        <p:strVal val="visible"/>
                                      </p:to>
                                    </p:set>
                                    <p:animEffect filter="fade" transition="in">
                                      <p:cBhvr>
                                        <p:cTn dur="500" id="22"/>
                                        <p:tgtEl>
                                          <p:spTgt spid="31">
                                            <p:txEl>
                                              <p:pRg end="1" st="1"/>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31">
                                            <p:txEl>
                                              <p:pRg end="2" st="2"/>
                                            </p:txEl>
                                          </p:spTgt>
                                        </p:tgtEl>
                                        <p:attrNameLst>
                                          <p:attrName>style.visibility</p:attrName>
                                        </p:attrNameLst>
                                      </p:cBhvr>
                                      <p:to>
                                        <p:strVal val="visible"/>
                                      </p:to>
                                    </p:set>
                                    <p:animEffect filter="fade" transition="in">
                                      <p:cBhvr>
                                        <p:cTn dur="500" id="27"/>
                                        <p:tgtEl>
                                          <p:spTgt spid="31">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1"/>
      <p:bldP build="p" grpId="0" spid="12" uiExpand="1"/>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5FCB9781-1C5D-4EFD-A55D-B2F6A9A59E85}"/>
  <p:tag name="ISPRING_ULTRA_SCORM_COURCE_TITLE" val="3.1.3 Creating category options"/>
  <p:tag name="ISPRING_PRESENTATION_TITLE" val="3.1.3 Creating category options"/>
  <p:tag name="FLASHSPRING_ZOOM_TAG" val="63"/>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REEN_RECS_UPDATED" val="D:\DHIS2_Projects\DHIS2Fundamentals2.0\DHIS2Customization\iSpring\3.1.3 CreatingCategoryOptions"/>
  <p:tag name="ISPRING_RESOURCE_FOLDER" val="D:\DHIS2_Projects\DHIS2Fundamentals2.0\DHIS2Customization\iSpring\3.1.3 CreatingCategoryOptions"/>
  <p:tag name="ISPRING_PRESENTATION_PATH" val="D:\DHIS2_Projects\DHIS2Fundamentals2.0\DHIS2Customization\iSpring\3.1.3 CreatingCategoryOptions.pptx"/>
  <p:tag name="ISPRING_PRESENTATION_INFO_2" val="&lt;?xml version=&quot;1.0&quot; encoding=&quot;UTF-8&quot; standalone=&quot;no&quot; ?&gt;&#10;&lt;presentation2&gt;&#10;&#10;  &lt;slides&gt;&#10;    &lt;slide id=&quot;{55183C5A-1A57-42F0-8933-4B327A9BC9FA}&quot; pptId=&quot;299&quot;/&gt;&#10;    &lt;slide id=&quot;{5339A3F9-C883-4914-B412-33D0F50770F9}&quot; pptId=&quot;307&quot;/&gt;&#10;    &lt;slide id=&quot;{5D19FED7-50FF-4145-AEEA-21C853B38C4C}&quot; pptId=&quot;309&quot;/&gt;&#10;    &lt;slide id=&quot;{96493B9D-2B0F-4EF5-98BE-3848ED8A463D}&quot; pptId=&quot;301&quot;/&gt;&#10;    &lt;slide id=&quot;{DF000D47-E923-4FB8-A218-2FB60DA061B8}&quot; pptId=&quot;306&quot;/&gt;&#10;    &lt;slide id=&quot;{4B4279AC-EB9B-4B12-B647-AF7036A969B8}&quot; pptId=&quot;303&quot;/&gt;&#10;    &lt;slide id=&quot;{FC91871F-FFCC-4ABA-9640-2E11944BBE46}&quot; pptId=&quot;312&quot;/&gt;&#10;    &lt;slide id=&quot;{6D3E15F4-75C3-430B-868A-A8C5132AF7C5}&quot; pptId=&quot;272&quot;/&gt;&#10;  &lt;/slides&gt;&#10;&#10;  &lt;narration&gt;&#10;    &lt;audioTracks&gt;&#10;      &lt;audioTrack muted=&quot;false&quot; name=&quot;Intro&quot; resource=&quot;23eff561&quot; slideId=&quot;{55183C5A-1A57-42F0-8933-4B327A9BC9FA}&quot; startTime=&quot;0&quot; stepIndex=&quot;0&quot; volume=&quot;1&quot;&gt;&#10;        &lt;audio channels=&quot;2&quot; format=&quot;fltp&quot; sampleRate=&quot;44100&quot;/&gt;&#10;      &lt;/audioTrack&gt;&#10;      &lt;audioTrack muted=&quot;false&quot; name=&quot;outro&quot; resource=&quot;ca71de2b&quot; slideId=&quot;{6D3E15F4-75C3-430B-868A-A8C5132AF7C5}&quot; startTime=&quot;0&quot; stepIndex=&quot;0&quot; volume=&quot;1&quot;&gt;&#10;        &lt;audio channels=&quot;2&quot; format=&quot;fltp&quot; sampleRate=&quot;44100&quot;/&gt;&#10;      &lt;/audioTrack&gt;&#10;      &lt;audioTrack muted=&quot;false&quot; name=&quot;Slide 2&quot; resource=&quot;a59ae9be&quot; slideId=&quot;{5339A3F9-C883-4914-B412-33D0F50770F9}&quot; startTime=&quot;0&quot; stepIndex=&quot;0&quot; volume=&quot;1&quot;&gt;&#10;        &lt;audio channels=&quot;2&quot; format=&quot;fltp&quot; sampleRate=&quot;48000&quot;/&gt;&#10;      &lt;/audioTrack&gt;&#10;      &lt;audioTrack muted=&quot;false&quot; name=&quot;Slide 3&quot; resource=&quot;52bde396&quot; slideId=&quot;{5D19FED7-50FF-4145-AEEA-21C853B38C4C}&quot; startTime=&quot;0&quot; stepIndex=&quot;0&quot; volume=&quot;1&quot;&gt;&#10;        &lt;audio channels=&quot;2&quot; format=&quot;fltp&quot; sampleRate=&quot;48000&quot;/&gt;&#10;      &lt;/audioTrack&gt;&#10;      &lt;audioTrack muted=&quot;false&quot; name=&quot;Slide 4&quot; resource=&quot;27bcee36&quot; slideId=&quot;{96493B9D-2B0F-4EF5-98BE-3848ED8A463D}&quot; startTime=&quot;0&quot; stepIndex=&quot;0&quot; volume=&quot;1&quot;&gt;&#10;        &lt;audio channels=&quot;2&quot; format=&quot;fltp&quot; sampleRate=&quot;48000&quot;/&gt;&#10;      &lt;/audioTrack&gt;&#10;      &lt;audioTrack muted=&quot;false&quot; name=&quot;Slide 5&quot; resource=&quot;b5fa4bb7&quot; slideId=&quot;{DF000D47-E923-4FB8-A218-2FB60DA061B8}&quot; startTime=&quot;0&quot; stepIndex=&quot;0&quot; volume=&quot;1&quot;&gt;&#10;        &lt;audio channels=&quot;2&quot; format=&quot;fltp&quot; sampleRate=&quot;48000&quot;/&gt;&#10;      &lt;/audioTrack&gt;&#10;      &lt;audioTrack muted=&quot;false&quot; name=&quot;Slide 7 (2)&quot; resource=&quot;d897bccf&quot; slideId=&quot;{FC91871F-FFCC-4ABA-9640-2E11944BBE46}&quot; startTime=&quot;4989&quot; stepIndex=&quot;2&quot; volume=&quot;1&quot;&gt;&#10;        &lt;audio channels=&quot;2&quot; format=&quot;fltp&quot; sampleRate=&quot;48000&quot;/&gt;&#10;      &lt;/audioTrack&gt;&#10;      &lt;audioTrack muted=&quot;false&quot; name=&quot;Slide 7 (3)&quot; resource=&quot;c9e7afec&quot; slideId=&quot;{FC91871F-FFCC-4ABA-9640-2E11944BBE46}&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3.1.3 Creating category options&quot;,&quot;onlineDestinationFolderId&quot;:&quot;d9d91996-d2b8-11ec-aea6-7aabce634944&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5183C5A-1A57-42F0-8933-4B327A9BC9FA}"/>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99CA4AB-46AD-4D85-A7ED-A9C50F56204B}:307"/>
  <p:tag name="GENSWF_ADVANCE_TIME" val="8.808"/>
  <p:tag name="TIMING" val="|2.669|2.16|1.811"/>
  <p:tag name="ISPRING_SLIDE_ID_2" val="{5339A3F9-C883-4914-B412-33D0F50770F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B69D188-CA02-4E9F-A9C6-C8A34E667E9D}:309"/>
  <p:tag name="GENSWF_ADVANCE_TIME" val="6.552"/>
  <p:tag name="TIMING" val="|0.974|1.514|1.034|1.011"/>
  <p:tag name="ISPRING_SLIDE_ID_2" val="{5D19FED7-50FF-4145-AEEA-21C853B38C4C}"/>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7BCBAC4B-8017-45A5-B0AE-9B61FFC6638D}:301"/>
  <p:tag name="GENSWF_ADVANCE_TIME" val="37.816"/>
  <p:tag name="TIMING" val="|2.222|3.234|2.25|6.563|3.888|1.44|2.577|3.55|3.449|3.188|0.798|1.186|1.146|0.903"/>
  <p:tag name="ISPRING_SLIDE_ID_2" val="{96493B9D-2B0F-4EF5-98BE-3848ED8A463D}"/>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7E598AEF-0E6A-4E8C-B19F-C85EB2327C07}:306"/>
  <p:tag name="GENSWF_ADVANCE_TIME" val="19.944"/>
  <p:tag name="TIMING" val="|6.963|2.944|1.978|5.375"/>
  <p:tag name="ISPRING_SLIDE_ID_2" val="{DF000D47-E923-4FB8-A218-2FB60DA061B8}"/>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5FF2BB7-ACF6-4008-B911-B78D770D348F}:303"/>
  <p:tag name="GENSWF_ADVANCE_TIME" val="124.000"/>
  <p:tag name="ISPRING_SLIDE_ID_2" val="{4B4279AC-EB9B-4B12-B647-AF7036A969B8}"/>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EC255040-F85A-4C3A-A6B5-22F5B1F60C3A}:312"/>
  <p:tag name="ISPRING_SLIDE_INDENT_LEVEL" val="0"/>
  <p:tag name="GENSWF_ADVANCE_TIME" val="20.007"/>
  <p:tag name="TIMING" val="|1.017|1.423|5.637|3.061|1.371"/>
  <p:tag name="ISPRING_SLIDE_ID_2" val="{FC91871F-FFCC-4ABA-9640-2E11944BBE46}"/>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6D3E15F4-75C3-430B-868A-A8C5132AF7C5}"/>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4</TotalTime>
  <Words>611</Words>
  <Application>Microsoft Macintosh PowerPoint</Application>
  <PresentationFormat>Widescreen</PresentationFormat>
  <Paragraphs>48</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isaggregations </vt:lpstr>
      <vt:lpstr>Steps to create a full category model</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3 Creating category options</dc:title>
  <dc:subject>elearning</dc:subject>
  <dc:creator>Alejandra Avila</dc:creator>
  <cp:lastModifiedBy>Simona Sekerova</cp:lastModifiedBy>
  <cp:revision>474</cp:revision>
  <cp:lastPrinted>2021-06-09T13:32:46Z</cp:lastPrinted>
  <dcterms:created xsi:type="dcterms:W3CDTF">2021-02-03T12:41:27Z</dcterms:created>
  <dcterms:modified xsi:type="dcterms:W3CDTF">2023-04-18T08:28:37Z</dcterms:modified>
</cp:coreProperties>
</file>